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codeName="{51196F13-6AD0-C1B8-E2B4-A1F9AE17003E}"/>
  <workbookPr codeName="ThisWorkbook" defaultThemeVersion="164011"/>
  <mc:AlternateContent xmlns:mc="http://schemas.openxmlformats.org/markup-compatibility/2006">
    <mc:Choice Requires="x15">
      <x15ac:absPath xmlns:x15ac="http://schemas.microsoft.com/office/spreadsheetml/2010/11/ac" url="C:\Users\ELOMY001\Desktop\Disney\s46\"/>
    </mc:Choice>
  </mc:AlternateContent>
  <bookViews>
    <workbookView xWindow="0" yWindow="0" windowWidth="18210" windowHeight="8175"/>
  </bookViews>
  <sheets>
    <sheet name="Disney Channel" sheetId="1" r:id="rId1"/>
    <sheet name="Disney Junior" sheetId="2" r:id="rId2"/>
  </sheets>
  <calcPr calcId="162913"/>
</workbook>
</file>

<file path=xl/sharedStrings.xml><?xml version="1.0" encoding="utf-8"?>
<sst xmlns="http://schemas.openxmlformats.org/spreadsheetml/2006/main" count="12960" uniqueCount="1566">
  <si>
    <t>Channel</t>
  </si>
  <si>
    <t>TX Date</t>
  </si>
  <si>
    <t>Day</t>
  </si>
  <si>
    <t>TX Time</t>
  </si>
  <si>
    <t>Series Title</t>
  </si>
  <si>
    <t>Episode Title</t>
  </si>
  <si>
    <t>Episode No</t>
  </si>
  <si>
    <t>Season</t>
  </si>
  <si>
    <t>Cast Info</t>
  </si>
  <si>
    <t>Synopsis</t>
  </si>
  <si>
    <t>Programme Type</t>
  </si>
  <si>
    <t>Genre</t>
  </si>
  <si>
    <t>Production Country</t>
  </si>
  <si>
    <t>Production Year</t>
  </si>
  <si>
    <t>Duration</t>
  </si>
  <si>
    <t>IDSubtitle</t>
  </si>
  <si>
    <t>Sound</t>
  </si>
  <si>
    <t>Programme Format</t>
  </si>
  <si>
    <t>TX ID</t>
  </si>
  <si>
    <t>Inedit</t>
  </si>
  <si>
    <t>LSF</t>
  </si>
  <si>
    <t>Audio Described</t>
  </si>
  <si>
    <t>DCFR</t>
  </si>
  <si>
    <t>07/11/2020</t>
  </si>
  <si>
    <t>samedi</t>
  </si>
  <si>
    <t>06:00:00</t>
  </si>
  <si>
    <t>LOLIROCK</t>
  </si>
  <si>
    <t>Grimoire à vendre</t>
  </si>
  <si>
    <t>23</t>
  </si>
  <si>
    <t>1</t>
  </si>
  <si>
    <t>Réalisateur: Jean-Louis Vandestoc, Interprète: Cassandre BergetRéalisateur: Jean-Louis Vandestoc, Interprète: Cassandre Berget</t>
  </si>
  <si>
    <t>Iris révise pour son futur examen de magie, tandis qu’Auriana fait du shopping et rentre avec un robot aspirateur qui parcourt toute la maison et fait tomber un livre de sorts très puissants dans un carton de livres à donner. Lorsque le robot aspire des étincelles magiques semées par le livre de sorts, il devient en quelque sorte vivant, et un véritable « animal de compagnie ». Pendant ce temps, un jeune garçon se présente chez Iris pour collecter des livres à donner dans le cadre de la Foire aux Livres de Sunny Bay.</t>
  </si>
  <si>
    <t>Série</t>
  </si>
  <si>
    <t>Animation</t>
  </si>
  <si>
    <t>France</t>
  </si>
  <si>
    <t>2013</t>
  </si>
  <si>
    <t>22min</t>
  </si>
  <si>
    <t/>
  </si>
  <si>
    <t>Prologic</t>
  </si>
  <si>
    <t>HD</t>
  </si>
  <si>
    <t>DA85091-TX</t>
  </si>
  <si>
    <t>06:25:00</t>
  </si>
  <si>
    <t>La Menace mobile</t>
  </si>
  <si>
    <t>24</t>
  </si>
  <si>
    <t>Les LoliRock sont en studio, occupées à répéter un spectacle du tonnerre. En terminant sur un véritable feu d’artifice magique, elles entendent quelqu’un s’émerveiller, et se rendent compte qu’elles ont un spectateur, Doug, qui a tout vu. Bien entendu, il est médusé, et convaincu de tenir un sujet de choix pour son blog. Voulant à tout prix prouver à Doug qu’elles sont des filles tout ce qu’il y a de plus « normales » et « ordinaires », Iris lui propose de les suivre toute une journée. Doug saute sur l’occasion, et les suit partout !</t>
  </si>
  <si>
    <t>DA85092-TX</t>
  </si>
  <si>
    <t>07:00:00</t>
  </si>
  <si>
    <t>MIRACULOUS, LES AVENTURES DE LADYBUG ET CHAT NOIR</t>
  </si>
  <si>
    <t>Le Pharaon</t>
  </si>
  <si>
    <t>5</t>
  </si>
  <si>
    <t>Réalisateur: Thomas AstrucRéalisateur: Thomas Astruc</t>
  </si>
  <si>
    <t>A cause d’une maladresse de Ladybug, Alya est persuadée que cette dernière est une collégienne. Pour empêcher Alya de découvrir son secret et suivant les conseils de Tikki, Marinette entraîne alors sa meilleure amie au musée, sans savoir elle-même pourquoi.Mais sur place, le grand frère d’Alix, Jalil, un jeune égyptologue, est akumatisé par Le Papillon et devient Pharaon, un super vilain doté des pouvoirs des dieux de l’Egypte ancienne. Il compte sacrifier Alya lors d’un rituel afin de ressusciter son amour perdu, une antique princesse égyptienne !</t>
  </si>
  <si>
    <t>2015</t>
  </si>
  <si>
    <t>21min</t>
  </si>
  <si>
    <t>Version sous-titrée sourds et malentendants</t>
  </si>
  <si>
    <t>PG19191-TX</t>
  </si>
  <si>
    <t>07:25:00</t>
  </si>
  <si>
    <t>Doudou Vilain</t>
  </si>
  <si>
    <t>30</t>
  </si>
  <si>
    <t>2</t>
  </si>
  <si>
    <t>Chloé décide d’organiser une fête chez elle, au Palace, et d’inviter tous les collégiens. Coachée par son majordome, Chloé fait des efforts et parvient à être aimable. Mais un événement la fait sortir de ses gonds et elle finit par renvoyer son majordome devant tous ses invités. Humilié, le majordome est akumatisé par le Papillon. Devenu Doudou Vilain, il peut désormais manipuler tous ceux qu’il touche. Et il compte bien se servir de son pouvoir pour se venger de Chloé. Ladybug et Chat Noir devront intervenir rapidement s’ils ne veulent pas perdre le contrôle de la situation !</t>
  </si>
  <si>
    <t>2016</t>
  </si>
  <si>
    <t>FR32404-HDTX</t>
  </si>
  <si>
    <t>07:55:00</t>
  </si>
  <si>
    <t>LUZ À OSVILLE</t>
  </si>
  <si>
    <t>Le bal de promo</t>
  </si>
  <si>
    <t>16</t>
  </si>
  <si>
    <t>Luz affronte Grom, le monstre du bal de Promo, et le résultat n'est pas ce à quoi elle s'attendait.</t>
  </si>
  <si>
    <t>États-Unis</t>
  </si>
  <si>
    <t>2018</t>
  </si>
  <si>
    <t>08:20:00</t>
  </si>
  <si>
    <t>08:25:00</t>
  </si>
  <si>
    <t>ELENA D'AVALOR</t>
  </si>
  <si>
    <t>Un nouveau départ</t>
  </si>
  <si>
    <t>46</t>
  </si>
  <si>
    <t>Réalisateur: Robb PrattRéalisateur: Robb Pratt</t>
  </si>
  <si>
    <t>Quand Elena propose à Mateo d'emménager dans les appartements du magicien de la cour, la mère de ce dernier, croyant avoir été invitée, s'installe aussi au palais.</t>
  </si>
  <si>
    <t>2017</t>
  </si>
  <si>
    <t>FR71636-HDTX</t>
  </si>
  <si>
    <t>08:50:00</t>
  </si>
  <si>
    <t>Le retour d'El Capitan</t>
  </si>
  <si>
    <t>48</t>
  </si>
  <si>
    <t>Elena fait équipe avec son grand-père pour terminer une mission qu'il a commencée il y a de nombreuses années.</t>
  </si>
  <si>
    <t>FR54816-HDTX</t>
  </si>
  <si>
    <t>09:20:00</t>
  </si>
  <si>
    <t>Caméléon</t>
  </si>
  <si>
    <t>53</t>
  </si>
  <si>
    <t>3</t>
  </si>
  <si>
    <t>Quand Lila revient au collège, elle parvient à manipuler les élèves comme les professeurs pour que tout le monde se plie à la moindre de ses exigences. Tout le monde… sauf Marinette et Adrien, qui ne sont pas dupes. Lorsqu’ils la confrontent à ses propres mensonges, Lila, vexée, demande au Papillon de l’akumatiser. Devenue Caméléon, elle peut prendre l’apparence de n’importe qui… et compte bien profiter de ce pouvoir pour détruire Ladybug, qui a été la première à la démasquer et qu’elle juge responsable de tous ses problèmes.</t>
  </si>
  <si>
    <t>FR84346-HDTX</t>
  </si>
  <si>
    <t>09:45:00</t>
  </si>
  <si>
    <t>Animaestro</t>
  </si>
  <si>
    <t>54</t>
  </si>
  <si>
    <t>Les parents de Marinette assurent le buffet pour l’avant-première du film Ladybug et Chat Noir, à laquelle le Tout-Paris est invité… y compris Adrien ! Marinette décide de s’y rendre en prétextant aider ses parents, bien décidée à profiter de l’événement pour offrir un macaron spécial à Adrien et lui montrer combien il compte pour elle. Mais sur place, personne ne reconnaît le réalisateur du film, qui se fait traiter comme un parfait inconnu et finit par perdre patience.</t>
  </si>
  <si>
    <t>FR76941-HDTX</t>
  </si>
  <si>
    <t>10:10:00</t>
  </si>
  <si>
    <t>Boulangerix</t>
  </si>
  <si>
    <t>55</t>
  </si>
  <si>
    <t>Aujourd’hui, c’est l’anniversaire de Tom, le papa de Marinette. Sabine invite le père de Tom, Roland, à venir fêter l’événement avec eux, mais Roland refuse : cela fait 20 ans qu’il n’est pas sorti de chez lui, et il ne veut pas que cela change. Pour faire plaisir à son père, Marinette décide d’aller rencontrer son grand-père pour le persuader de se joindre à eux. Mais une fois sur place, Marinette n’ose pas se présenter, intimidée par le vieil homme bougon et têtu, et finit par lui mentir sur son identité.</t>
  </si>
  <si>
    <t>FR84347-HDTX</t>
  </si>
  <si>
    <t>10:35:00</t>
  </si>
  <si>
    <t>Rebrousse-temps</t>
  </si>
  <si>
    <t>56</t>
  </si>
  <si>
    <t>Quand Marinette apprend qu’Adrien s’apprête à passer tout un week-end à Londres avec Kagami, elle décide de lui écrire une lettre pour lui avouer ses sentiments avant qu’il ne soit trop tard. Mais Maître Fu, malade, lui confie une ordonnance ainsi qu’une lettre pour Marianne, une vieille amie à qui il n’a pas su dire qu’il l’aimait. Marinette s’embrouille et confond les divers destinataires, donnant sa lettre pour Adrien à Marianne, qui interprète mal son contenu.</t>
  </si>
  <si>
    <t>FR84369-HDTX</t>
  </si>
  <si>
    <t>11:00:00</t>
  </si>
  <si>
    <t>Poupéflekta</t>
  </si>
  <si>
    <t>57</t>
  </si>
  <si>
    <t>Alors que Marinette organise un défilé de mode avec ses amis, elle se retrouve à jouer les modèles avec Adrien ! Pour mieux mettre en valeur les créations de Marinette, ils enlèvent leurs Miraculous et les laissent à l’arrière d’une voiture faisant office de loge. Déçue de n’avoir pas su exprimer son désir de faire le mannequin pour le défilé, Juleka redevient Réflekta. Et quand Marinette et Adrien voient la super-vilaine arriver avec son sentimonstre, ils découvrent qu’il ne s’agit pas d’une akumatisée comme les autres et comprennent que Papillon a reçu l’aide d’un allié spécial.</t>
  </si>
  <si>
    <t>FR84348-HDTX</t>
  </si>
  <si>
    <t>11:50:00</t>
  </si>
  <si>
    <t>GABBY DURAN, BABY-SITTER D’EXTRATERRESTRES</t>
  </si>
  <si>
    <t>Le roi de la fête et Timbuk</t>
  </si>
  <si>
    <t>Alors que Gabby décide d'organiser chez elle, une fête pour Jeremy, lui, décide d'inviter des êtres douteux et la situation tourne vite au désastre.</t>
  </si>
  <si>
    <t>Fiction</t>
  </si>
  <si>
    <t>FR77796-HDTX</t>
  </si>
  <si>
    <t>12:20:00</t>
  </si>
  <si>
    <t>VA-T’EN, LICORNE!</t>
  </si>
  <si>
    <t>Licorne s'invite à la fête ! / Licorne à la mer !</t>
  </si>
  <si>
    <t>Réalisateur: Jason GrohRéalisateur: Jason Groh</t>
  </si>
  <si>
    <t>Alice a planifié tous les détails de sa fête d’anniversaire à la perfection… jusqu’à ce qu’une drôle de licorne arrive à l’improviste en affirmant être le meilleur ami d’Alice ! / Alice veut profiter de sa sortie scolaire à l’aquarium pour être embauchée comme guide, mais Licorne gâche tout en tentant de trouver une vraie sirène.</t>
  </si>
  <si>
    <t>FR63171-HDTX</t>
  </si>
  <si>
    <t>12:45:00</t>
  </si>
  <si>
    <t>Licorne et la neige!</t>
  </si>
  <si>
    <t>45</t>
  </si>
  <si>
    <t>Alice, Licorne, Pixie et Ollie participent à une course de luge qui ne se déroule pas tout à fait comme prévu!</t>
  </si>
  <si>
    <t>FR63215-HDTX</t>
  </si>
  <si>
    <t>Nouveau</t>
  </si>
  <si>
    <t>13:00:00</t>
  </si>
  <si>
    <t>Numeric</t>
  </si>
  <si>
    <t>Vincent Asa est fan de la rockstar Jagged Stone. Akumatisé par Le Papillon, il devient Numeric et compte capturer l’image de son idole pour toujours. Ladybug et Chat Noir devront faire attention à ne pas se faire flasher !</t>
  </si>
  <si>
    <t>PG19209-TX</t>
  </si>
  <si>
    <t>13:25:00</t>
  </si>
  <si>
    <t>Guitar Vilain</t>
  </si>
  <si>
    <t>21</t>
  </si>
  <si>
    <t>Marinette se voit confier la réalisation de la pochette du dernier album de son idole, la rockstar Jagged Stone ! Bridée par le manager autoritaire de la star, Marinette n’ose pas suivre son intuition et Jagged Stone refuse sa création. Elle décide de recommencer, cette fois-ci à sa façon.Mais entre-temps, Jagged Stone, lassé et humilié par les provocations d’un jeune chanteur orgueilleux nommé Mr XY, se fait akumatiser par Le Papillon.</t>
  </si>
  <si>
    <t>PG19207-TX</t>
  </si>
  <si>
    <t>14:00:00</t>
  </si>
  <si>
    <t>LA BANDE À PICSOU</t>
  </si>
  <si>
    <t>Les Momies Vivantes de Toth-Ra</t>
  </si>
  <si>
    <t>9</t>
  </si>
  <si>
    <t>Réalisateur: Dana Terrace, Interprète: David TennantRéalisateur: Dana Terrace, Interprète: David Tennant</t>
  </si>
  <si>
    <t>Dans une pyramide inconnue, Loulou interprète la prophétie d'un pharaon, obligeant Picsou et Flagada à mener à la révolte un groupe de momies vivantes pour le sauver.</t>
  </si>
  <si>
    <t>FR60383-HDTX</t>
  </si>
  <si>
    <t>AD</t>
  </si>
  <si>
    <t>14:25:00</t>
  </si>
  <si>
    <t>La lance de Sélène !</t>
  </si>
  <si>
    <t>12</t>
  </si>
  <si>
    <t>Donald se retrouve au milieu d'une dispute entre Picsou et Zeus pendant que Fifi et Zaza cherchent un objet qui pourrait donner un indice sur le sort de Della.</t>
  </si>
  <si>
    <t>FR60362-HDTX</t>
  </si>
  <si>
    <t>14:50:00</t>
  </si>
  <si>
    <t>7</t>
  </si>
  <si>
    <t>15:00:00</t>
  </si>
  <si>
    <t>PAF LE CHIEN</t>
  </si>
  <si>
    <t>Un pique nique de tout repos</t>
  </si>
  <si>
    <t>14</t>
  </si>
  <si>
    <t>Réalisateur: Charles VaucelleRéalisateur: Charles Vaucelle</t>
  </si>
  <si>
    <t>Lola a organisé un pique-nique au parc avec ses amis pour tester un nouveau jeu de réalité virtuelle. Elle convie même Victor à se joindre à eux. Mais alors que les enfants jouent, les Guanos s’emparent de la glacière où se trouvent les sandwiches… et un Capuche un peu trop gourmand. Paf parvient à sauver le chaton des griffes des volatiles. Entre-temps, Victor, qui a été rapidement éliminé, a décidé de pourrir la partie des autres enfants. Encore une mission pour Paf qui parviendra à faire gagner Lola.</t>
  </si>
  <si>
    <t>7min</t>
  </si>
  <si>
    <t>FR66508-HDTX</t>
  </si>
  <si>
    <t>15:15:00</t>
  </si>
  <si>
    <t>Un tour de Paf Paf</t>
  </si>
  <si>
    <t>15</t>
  </si>
  <si>
    <t>Lola se lance dans une carrière de magicienne et aujourd’hui, c’est représentation devant ses amis. Mais les Guanos, en apercevant le chapeau de magicien, découvrent un moyen extraordinaire pour faire disparaître Capuche, leur ennemi de toujours. Paf devra déjouer les plans maléfiques des Guanos tout en jouant son rôle d’assistant auprès de sa maîtresse.</t>
  </si>
  <si>
    <t>FR66509-HDTX</t>
  </si>
  <si>
    <t>15:30:00</t>
  </si>
  <si>
    <t>Lolastronaute</t>
  </si>
  <si>
    <t>Alors que Lola se demande quel métier elle fera plus tard, Victor lui annonce qu’au parc, il y a une petite foire de l’espace. On y trouve une centrifugeuse, une soufflerie d’air, un espace de benji. Voilà une bonne idée pour découvrir peut-être son futur métier. Victor, lui, c’est certain, il sera astronaute. Mais les Guanos ne l’entendent pas de cette oreille car cette foire ne fait que les déranger dans leur business. Et quand ils trafiquent la soufflerie, Paf doit intervenir pour sauver sa maîtresse.</t>
  </si>
  <si>
    <t>FR66510-HDTX</t>
  </si>
  <si>
    <t>15:45:00</t>
  </si>
  <si>
    <t>Les nouveaux jagons</t>
  </si>
  <si>
    <t>34</t>
  </si>
  <si>
    <t>Convaincue qu'elle doit partir à la recherche de Shuriki, Elena se transforme en jagon mais elle est accusée d'un crime qu'elle n'a pas commis.</t>
  </si>
  <si>
    <t>FR54802-HDTX</t>
  </si>
  <si>
    <t>16:10:00</t>
  </si>
  <si>
    <t>Le Sceptre de la nuit</t>
  </si>
  <si>
    <t>35</t>
  </si>
  <si>
    <t>Elena et ses amis font la course avec Shuriki et ses acolytes pour retrouver le premier morceau du fameux Sceptre de la nuit.</t>
  </si>
  <si>
    <t>FR54803-HDTX</t>
  </si>
  <si>
    <t>16:45:00</t>
  </si>
  <si>
    <t>MIRACULOUS WORLD: NEW YORK, LES HÉROS UNIS</t>
  </si>
  <si>
    <t>Réalisateur: Thomas Astruc</t>
  </si>
  <si>
    <t>La classe de Marinette doit se rendre à New York, la ville des super héros, pour célébrer la semaine de l'amitié franco-américaine. Toute la classe… sauf Adrien, car son père refuse de le laisser partir. Ladybug demande à Chat Noir de veiller sur Paris sans lui dire pourquoi elle doit s'absenter. Ce dernier prend la mission très au sérieux… mais lorsque Marinette, en tant que déléguée de classe, convainc Gabriel de laisser partir son fils avec ses camarades, Adrien a un problème. Il ne peut pas veiller en même temps sur Paris et être avec sa classe à New York. Comment va-t-il faire ?</t>
  </si>
  <si>
    <t>Télefilm</t>
  </si>
  <si>
    <t>2020</t>
  </si>
  <si>
    <t>FR87926-HDTX</t>
  </si>
  <si>
    <t>17:45:00</t>
  </si>
  <si>
    <t>COOP &amp; CAMI</t>
  </si>
  <si>
    <t>Coop &amp; Cami Ask The World S2</t>
  </si>
  <si>
    <t>40</t>
  </si>
  <si>
    <t>2019</t>
  </si>
  <si>
    <t>FR81117-HDTX</t>
  </si>
  <si>
    <t>18:10:00</t>
  </si>
  <si>
    <t>Coop &amp; Cami Ask The World S2 Ep34</t>
  </si>
  <si>
    <t>Cooper et Cameron Wrather sont frère et sœur et co-animent l'émission en ligne de Coop, "Vous préférez quoi ?" avec l'aide de leur petit frère Oliver et du meilleur ami de Coop, Fred. Le duo pose des questions et offre des réponses aux millions de fans de l'émission qui les aident à résoudre des problèmes à la fois ordinaires et fous. Chaque jour est une aventure dans la maison trépidante des Wrather !</t>
  </si>
  <si>
    <t>FR81111-HDTX</t>
  </si>
  <si>
    <t>18:35:00</t>
  </si>
  <si>
    <t>Coop &amp; Cami Ask The World S2 Ep35</t>
  </si>
  <si>
    <t>FR81112-HDTX</t>
  </si>
  <si>
    <t>19:00:00</t>
  </si>
  <si>
    <t>Volpina</t>
  </si>
  <si>
    <t>26</t>
  </si>
  <si>
    <t>Marinette a une rivale au collège, une nouvelle élève qui s’appelle Lila et qui semble un peu trop s’intéresser à Adrien. La jeune fille raconte à ce dernier qu’elle en sait long sur les super héros, et même qu’elle connaît Ladybug ! Furieuse de voir qu’Adrien semble séduit, Marinette se transforme en Ladybug pour confondre Lila. Mais elle s’en fait une ennemie mortelle en l’humiliant devant Adrien.</t>
  </si>
  <si>
    <t>PG19212-TX</t>
  </si>
  <si>
    <t>19:25:00</t>
  </si>
  <si>
    <t>Le collectionneur</t>
  </si>
  <si>
    <t>27</t>
  </si>
  <si>
    <t>Marinette rencontre Maître Fu. Ce dernier pense que le propriétaire du grimoire est peut-être également le Papillon. Elle finit par découvrir que le véritable propriétaire du grimoire est en réalité Gabriel Agreste, le père d’Adrien. Elle décide alors de se transformer en Ladybug pour mener l’enquête et découvrir si Gabriel est bien le Papillon. Mais lorsqu’elle arrive chez lui, le styliste s’est fait akumatiser.</t>
  </si>
  <si>
    <t>FR32401-HDTX</t>
  </si>
  <si>
    <t>19:50:00</t>
  </si>
  <si>
    <t>Audimatrix</t>
  </si>
  <si>
    <t>28</t>
  </si>
  <si>
    <t>La jounaliste Nadja Chamack invite Lady Bug et Chat Noir sur le plateau de son émission dans le but d'obtenir des révélations intimes sur leur relation. Mais Lady Bug ne se laisse pas faire ! Cela permettra au Papillon d'akumatiser la journaliste, qui deviendra Audimatrix.</t>
  </si>
  <si>
    <t>FR32402-HDTX</t>
  </si>
  <si>
    <t>20:15:00</t>
  </si>
  <si>
    <t>Glaciator</t>
  </si>
  <si>
    <t>29</t>
  </si>
  <si>
    <t>D’après la légende, le couple qui mange une glace chez André s’aime pour toujours ! Marinette espère qu’Adrien sera de la partie, mais ce dernier ne vient pas. Déçue par l’absence d’Adrien, Marinette refuse de manger la glace que lui tend André.Effondré, le glacier est akumatisé par le Papillon. Devenu Glaciator et armé de sa portionneuse à glace, il transforme les gens en glace.Ladybug et un Chat Noir vont unir leurs forces pour arrêter Glaciator avant que tous les Parisiens n’aient fondu !</t>
  </si>
  <si>
    <t>FR32403-HDTX</t>
  </si>
  <si>
    <t>21:00:00</t>
  </si>
  <si>
    <t>Le costume de Swift</t>
  </si>
  <si>
    <t>17</t>
  </si>
  <si>
    <t>Des clients se plaignent du baby-sitting de Gabby. La jeune fille les soupçonne de mijoter quelque chose, mais Swift a du mal à faire confiance à Gabby.</t>
  </si>
  <si>
    <t>23min</t>
  </si>
  <si>
    <t>FR85776-HDTX</t>
  </si>
  <si>
    <t>21:25:00</t>
  </si>
  <si>
    <t>Gabby Duran, Baby-sitter d’extraterrestres S1 Ep 18</t>
  </si>
  <si>
    <t>18</t>
  </si>
  <si>
    <t>Gabby Duran a le sentiment de vivre dans l'ombre de sa mère Dina, une femme brillante qui a réussi sa vie, et de sa petite sœur Olivia, qui est très intelligente. Mais Gabby trouve enfin un moyen de briller quand elle va devoir jouer la baby-sitter pour des extraterrestres qui se cachent sur Terre. Gabby n'a peur de rien et elle est très courageuse. Elle va relever le défi afin de prouver que c'est la meilleure baby-sitter de la galaxie.</t>
  </si>
  <si>
    <t>FR77790-HDTX</t>
  </si>
  <si>
    <t>22:00:00</t>
  </si>
  <si>
    <t>SIDNEY AU MAX</t>
  </si>
  <si>
    <t>Le bal père-fille</t>
  </si>
  <si>
    <t>Sydney se trouve trop grande pour aller au bal père-fille avec son père mais elle ne veut pas lui faire de peine. Le jeune Max est déçu que son père ne vienne pas à l'évènement père-fils de l'école.</t>
  </si>
  <si>
    <t>FR66743-HDTX</t>
  </si>
  <si>
    <t>22:25:00</t>
  </si>
  <si>
    <t>La boucle est bouclée</t>
  </si>
  <si>
    <t>En balade avec Mme Harris, Sydney se fait percer les oreilles, ce qui fait de la peine à sa grand-mère. La mère de Max réécrit son devoir dans son dos.</t>
  </si>
  <si>
    <t>FR66744-HDTX</t>
  </si>
  <si>
    <t>23:00:00</t>
  </si>
  <si>
    <t>RAVEN</t>
  </si>
  <si>
    <t>Retrouvailles</t>
  </si>
  <si>
    <t>37</t>
  </si>
  <si>
    <t>Raven et les enfants décident d'aller retrouver Chelsea qui était en croisière. Après maintes péripéties, ils se retrouvent, mais la joie est de courte durée…</t>
  </si>
  <si>
    <t>FR77757-HDTX</t>
  </si>
  <si>
    <t>23:25:00</t>
  </si>
  <si>
    <t>Mères en mer</t>
  </si>
  <si>
    <t>38</t>
  </si>
  <si>
    <t>Les enfants se retrouvent seuls sur un bateau de croisière pendant que Raven et Chelsea tentent de rattraper le navire sur un jet ski !</t>
  </si>
  <si>
    <t>FR77758-HDTX</t>
  </si>
  <si>
    <t>LES NUITS DE Disney Channel France</t>
  </si>
  <si>
    <t>08/11/2020</t>
  </si>
  <si>
    <t>dimanche</t>
  </si>
  <si>
    <t>FRIENDS: CINQ FILLES EN MISSION</t>
  </si>
  <si>
    <t>Le Grand Prix</t>
  </si>
  <si>
    <t>Réalisateur: Stephen Murray, Réalisateur: Andrew TanRéalisateur: Stephen Murray, Réalisateur: Andrew Tan</t>
  </si>
  <si>
    <t>Le jour du Grand Prix est arrivé mais le Dr. Alva compte bien y mettre son grain de sel...</t>
  </si>
  <si>
    <t>Danemark</t>
  </si>
  <si>
    <t>10min</t>
  </si>
  <si>
    <t>FR62033-HDTX</t>
  </si>
  <si>
    <t>06:10:00</t>
  </si>
  <si>
    <t>Le jour des explorateurs</t>
  </si>
  <si>
    <t>Nos héroines font un spectacle racontant l'histoire des exploratrices.</t>
  </si>
  <si>
    <t>FR69023-HDTX</t>
  </si>
  <si>
    <t>Panne d'électricité</t>
  </si>
  <si>
    <t>Il n'y a plus de courant dans la ville ! Nos héroines mettent la main à la pâte pour aider toute la ville.</t>
  </si>
  <si>
    <t>FR69024-HDTX</t>
  </si>
  <si>
    <t>06:35:00</t>
  </si>
  <si>
    <t>Explorer encore et toujours</t>
  </si>
  <si>
    <t>19</t>
  </si>
  <si>
    <t>Mia part seule à la quête d'un trésor. Pendant ce temps, ses amies la recherche.</t>
  </si>
  <si>
    <t>FR69025-HDTX</t>
  </si>
  <si>
    <t>Oni-Chan</t>
  </si>
  <si>
    <t>60</t>
  </si>
  <si>
    <t>Quand Lila manipule Adrien, son garde du corps et même Nathalie pour entrer chez les Agreste et passer un peu de temps avec Adrien, elle prend une photo d’eux deux pour immortaliser le moment. Marinette, qui les a suivis et espionnés depuis l’extérieur, est verte de jalousie. Mais ce n’est pas la seule…</t>
  </si>
  <si>
    <t>FR84349-HDTX</t>
  </si>
  <si>
    <t>Pari risqué, pari piégé</t>
  </si>
  <si>
    <t>Luz découvre un aspect inattendu de l'école quand Gus l'invite au Club des Amateurs d'Humains.</t>
  </si>
  <si>
    <t>20min</t>
  </si>
  <si>
    <t>FR83749-HDTX</t>
  </si>
  <si>
    <t>8</t>
  </si>
  <si>
    <t>Prête à régner</t>
  </si>
  <si>
    <t>Réalisateur: Elliot Bour, Réalisateur: Elliott M. BourRéalisateur: Elliot Bour</t>
  </si>
  <si>
    <t>Le jour de son couronnement, la princesse Elena doit secourir sa sœur retenue prisonnière à bord d'un bateau volé.</t>
  </si>
  <si>
    <t>FR30410-HDTX</t>
  </si>
  <si>
    <t>Une sœur modèle</t>
  </si>
  <si>
    <t>Réalisateur: Elliot Bour, Réalisateur: Elliot M BourRéalisateur: Elliot Bour</t>
  </si>
  <si>
    <t>Elena doit faire un choix douloureux : tenir la promesse faite à sa sœur ou accomplir son devoir.</t>
  </si>
  <si>
    <t>FR30411-HDTX</t>
  </si>
  <si>
    <t>09:15:00</t>
  </si>
  <si>
    <t>Manque de sang-froid</t>
  </si>
  <si>
    <t>Elena est confrontée à une créature de pierre dont la colère peut provoquer l'éruption du Monfuego. Elle doit convaincre le Grand Conseil de la laisser agir à sa façon.</t>
  </si>
  <si>
    <t>FR61234-HDTX</t>
  </si>
  <si>
    <t>09:40:00</t>
  </si>
  <si>
    <t>L’île de jouvence</t>
  </si>
  <si>
    <t>4</t>
  </si>
  <si>
    <t>Réalisateur: Elliot BourRéalisateur: Elliot Bour</t>
  </si>
  <si>
    <t>Elena doit sauver Esteban qui a bu trop d'eau de la Fontaine de Jouvence afin de rajeunir.</t>
  </si>
  <si>
    <t>FR30413-HDTX</t>
  </si>
  <si>
    <t>10:20:00</t>
  </si>
  <si>
    <t>Syren</t>
  </si>
  <si>
    <t>Alors que Kim s’amuse avec son amie Ondine à la piscine, cette dernière tente de lui avouer ses sentiments pour lui. Mais Kim ne comprend pas et abandonne Ondine pour rejoindre ses amis… et Chloé, dont il est amoureux !Ondine est akumatisée par le Papillon et devient Syren. Désormais dotée de nageoires et capable de respirer sous l’eau, Syren inonde Paris de ses larme.Ils vont découvrir que leurs kwamis peuvent leur donner des pouvoirs spéciaux. Ils deviennent alors Aquabug et Aquanoir, des versions aquatiques spéciales de nos héros capables de nager et respirer sous l’eau !</t>
  </si>
  <si>
    <t>FR32414-HDTX</t>
  </si>
  <si>
    <t>10:50:00</t>
  </si>
  <si>
    <t>Zombizou</t>
  </si>
  <si>
    <t>41</t>
  </si>
  <si>
    <t>Aujourd’hui, c’est l’anniversaire de Mlle Bustier, le professeur préféré de Marinette. Mais à cause d’une nouvelle pesterie de Chloé, Marinette est sur le point de se faire akumatiser !Pour la protéger, Mlle Bustier s’interpose et l’akuma prend possession d’elle. Le Papillon la transforme alors en Zombizou. Armée de son bâton de noir à lèvres maléfique, elle veut répandre l’amour dans la ville en envoyant des baisers maléfiques à tous les Parisiens – mais surtout à Chloé, cette peste sans cœur – pour les forcer à s’aimer les uns les autres.</t>
  </si>
  <si>
    <t>FR32415-HDTX</t>
  </si>
  <si>
    <t>11:20:00</t>
  </si>
  <si>
    <t>Capitaine Hardrock</t>
  </si>
  <si>
    <t>42</t>
  </si>
  <si>
    <t>Lles amis de Marinette s’apprêtent à donner un concert à bord de la péniche de Juleka, chaperonnés par sa mère, Anarkal. Alors que Marinette découvre, très déçue, qu’Adrien ne pourra pas assister au concert, elle rencontre Luka, le grand frère de Juleka. Doux et attentionné, ce dernier pourrait bien semer le trouble dans le cœur de Marinette…Mais alors que le groupe commence les répétitions, l’agent Roger vient jouer les trouble-fêtes, reprochant à Anarka de faire trop de bruit. Déçue et énervée, cette dernière se fait akumatiser par Papillon et devient Capitaine Hardrock.</t>
  </si>
  <si>
    <t>FR32416-HDTX</t>
  </si>
  <si>
    <t>La journée de Dina</t>
  </si>
  <si>
    <t>La "journée de Dina" arrive et Gabby est déterminée à trouver un cadeau à sa mère qui rattrapera celui de l'année dernière. Pendant ce temps, Swift prépare la fin de sa mission sur terre.</t>
  </si>
  <si>
    <t>FR77798-HDTX</t>
  </si>
  <si>
    <t>Licorne enquête ! / Licorne déménage !</t>
  </si>
  <si>
    <t>Lorsque la figurine d’Alice à l’effigie de l’inspecteur Brioche disparaît mystérieusement, Alice et Licorne décident de prendre l’enquête en main et de résoudre l’affaire. / Lorsque Licorne s’en va pour le week-end, Alice profite de la tranquillité… jusqu’à ce qu’elle voie Licorne s’amuser avec Pixie. Elle se demande si elle a perdu son meilleur ami.</t>
  </si>
  <si>
    <t>FR63204-HDTX</t>
  </si>
  <si>
    <t>Licorne, le capitaine!</t>
  </si>
  <si>
    <t>FR63216-HDTX</t>
  </si>
  <si>
    <t>Kung Food</t>
  </si>
  <si>
    <t>Marinette fait la connaissance de Cheng Sifu, son grand-oncle cuisinier, venu de Chine. Marinette ne parlant pas un mot de chinois, Alya lui suggère de faire appel à Adrien pour l’aider en tant qu’interprète. Ensemble, ils accompagnent Cheng Sifu à un concours de cuisine au Grand Paris, le palace du père de Chloé.Mais après une dispute avec Marinette, Chloé sabote le plat de Cheng Sifu. Ce dernier, humilié, est akumatisé en Kung Food.</t>
  </si>
  <si>
    <t>PG19200-TX</t>
  </si>
  <si>
    <t>Le Gamer</t>
  </si>
  <si>
    <t>Adrien et Max doivent représenter le collège en binôme lors d’un important tournoi de jeux vidéo. Mais Marinette a une autre idée en tête ! Pour pouvoir passer du temps avec Adrien, elle parvient à prendre la place de Max en le battant au jeu lors d’un défi improvisé. Mais ce qu’elle n’avait pas prévu, c’est qu’Adrien devrait venir chez elle pour s’entraîner ! Aussi troublée qu’excitée, Marinette n’aura cependant pas le temps de profiter de ce rendez-vous improvisé car, entre-temps, Max, déçu et humilié, s’est fait akumatiser.</t>
  </si>
  <si>
    <t>PG19202-TX</t>
  </si>
  <si>
    <t>La Coupe du Druide</t>
  </si>
  <si>
    <t>13</t>
  </si>
  <si>
    <t>Fifi mesure son jeune talent insolent au jeu de vieux golfeur avisé de Picsou. C'est compter sans l'apparition magique d'un parcours mystérieux qui entraînera toute l'équipe dans une folle aventure.</t>
  </si>
  <si>
    <t>FR60363-HDTX</t>
  </si>
  <si>
    <t>Attention au C.O.P.A.I.N</t>
  </si>
  <si>
    <t>Quand Mark Beaks invente une voiture automatisée qui ne peut avoir d'accident, Flagada se sent menacé et engage Gérard, le stagiaire de Trouvetou, pour l'aider à vaincre la menace mécanique.</t>
  </si>
  <si>
    <t>FR60364-HDTX</t>
  </si>
  <si>
    <t>Méga gonflé</t>
  </si>
  <si>
    <t>Pour l’anniversaire de Paf, Lola a décidé de lui offrir un énorme ballon qu’elle a customisé à son effigie. Mais Capuche, dont la curiosité entraîne bien souvent des catastrophes, fait en sorte que le ballon s’envole par la fenêtre. Devant la détresse de Lola, Paf se lance à la poursuite du ballon. C’est sans compter sur la malice des Guanos qui ont attaché le doudou de Tank au cadeau volant.</t>
  </si>
  <si>
    <t>FR66511-HDTX</t>
  </si>
  <si>
    <t>Le malade imaginaire</t>
  </si>
  <si>
    <t>Lola recueille un oiseau qui s’est éclaté contre la baie vitrée. Mais il se trouve que c’est un des Guanos, bien décidé à profiter du confort de la maison. Alors que la jeune fille part chercher de quoi soigner le volatile, le Guano, menaçant Paf de représailles terribles, en profite pour se faire servir comme un roi. Et quand ses deux comparses jouent aussi les malades imaginaires pour rejoindre leur camarade, Paf doit affronter le trio de badboys et les empêcher de transformer la maison en chantier !</t>
  </si>
  <si>
    <t>FR66512-HDTX</t>
  </si>
  <si>
    <t>Mille sabords</t>
  </si>
  <si>
    <t>Lola, Lucie et Hugo sont plongés en plein remake de Pirates des Caraïbes. Paf n’est pas en reste et apprécie son rôle de brigand des mers. Lola prend les bojoux de sa mère pour constituer le trésor. Lorsqu’ils disparaissent, Paf mène l’enquête.</t>
  </si>
  <si>
    <t>FR66513-HDTX</t>
  </si>
  <si>
    <t>La course pour le royaume</t>
  </si>
  <si>
    <t>36</t>
  </si>
  <si>
    <t>Elena et Naomi se rendent à Vallestrella pour trouver les autres parties du Sceptre de la Nuit avant qu'elles ne tombent entre les mains de Shuriki.</t>
  </si>
  <si>
    <t>FR54804-HDTX</t>
  </si>
  <si>
    <t>L'histoire des deux sceptres</t>
  </si>
  <si>
    <t>Elena part dans un royaume enchanté pour apprendre à maîtriser les pouvoirs de son sceptre, mais le retour de Shuriki à Avalor l'empêche de poursuivre son apprentissage.</t>
  </si>
  <si>
    <t>FR54805-HDTX</t>
  </si>
  <si>
    <t>Papa Garou</t>
  </si>
  <si>
    <t>58</t>
  </si>
  <si>
    <t>Quand Chat Noir manque de comprendre que Marinette est Ladybug, Marinette panique et lui fait croire qu’elle est amoureuse de lui pour détourner son attention. Mais ses parents assistent à sa déclaration, et Tom, absolument ravi, décide d’inviter Chat Noir à déjeuner chez les Dupain-Cheng. Mais quand le super-héros leur avoue qu’il n’est pas amoureux de Marinette, Tom a le coeur brisé et se fait akumatiser par le Papillon. Devenu Papa Garou, un immense homme-chien de garde monstrueux, il enferme Marinette dans une prison de ronces pour la protéger du monde extérieur et des peines de coeur.</t>
  </si>
  <si>
    <t>FR84367-HDTX</t>
  </si>
  <si>
    <t>17:10:00</t>
  </si>
  <si>
    <t>Silence</t>
  </si>
  <si>
    <t>59</t>
  </si>
  <si>
    <t>Bob Roth, père et producteur du célèbre XY, lance un appel d’offre visant à trouver de nouveaux talents. Marinette y voit une occasion en or pour les Kitty Section de se faire connaître du grand public. Elle les aide donc à réaliser et envoyer un clip pour lequel elle crée elle-même les décors et les costumes. Mais bientôt, Marinette et ses amis s’aperçoivent que Bob Roth a volé les créations de Marinette pour son fils XY. Furieux pour celle dont il est amoureux, Luka est akumatisé par le Papillon.</t>
  </si>
  <si>
    <t>FR76942-HDTX</t>
  </si>
  <si>
    <t>FR87870-HDTX</t>
  </si>
  <si>
    <t>Echange de corps</t>
  </si>
  <si>
    <t>Eda, King et Luz échangent leurs corps à la suite d'un simple désaccord qui tourne à la catastrophe.</t>
  </si>
  <si>
    <t>FR87979-HDTX</t>
  </si>
  <si>
    <t>Owl House S1, The</t>
  </si>
  <si>
    <t>Luz, une adolescente humaine pleine d’assurance, tombe accidentellement sur un portail permettant d’accéder à un nouveau monde magique où elle se liera d’amitié avec une sorcière rebelle, Eda, et un guerrier adorable, King.</t>
  </si>
  <si>
    <t>FR80371-HDTX</t>
  </si>
  <si>
    <t>L'insaisissable</t>
  </si>
  <si>
    <t>31</t>
  </si>
  <si>
    <t>L’assistante dévouée de Jagged, se fait akumatiser par le Papillon et devient l’Insaisissable. Armée d’un stylo qui lui permet de devenir intangible quand elle le souhaite, celle qui réglait toujours les problèmes des autres va désormais tout faire pour en créer !Enfermée dans la boulangerie, Marinette devra trouver un moyen de s’éclipser et de se transformer en Ladybug pour aider Chat Noir à vaincre l’Insaisissable.Nos deux super-héros devront réussir à arrêter la vilaine avant qu’elle ne sème le chaos !</t>
  </si>
  <si>
    <t>FR32405-HDTX</t>
  </si>
  <si>
    <t>Gigantitan</t>
  </si>
  <si>
    <t>32</t>
  </si>
  <si>
    <t>Le garde du corps d’Adrien, énervé à cause des filles, devient une cible de choix pour le Papillon. Cependant, alors que ce dernier tente de l’akumatiser, le Gorille se calme. L’akuma transforme alors un jeune enfant se trouvant sur son chemin et énervé d’avoir perdu sa tétine.Devenu Gigantitan, un bébé géant doté d’une force incroyable, l’enfant parcourt Paris à la recherche d’une nouvelle tétine, détruisant tout sur son passage.</t>
  </si>
  <si>
    <t>FR32406-HDTX</t>
  </si>
  <si>
    <t>Riposte</t>
  </si>
  <si>
    <t>33</t>
  </si>
  <si>
    <t>Une escrimeuse perd son duel face à Adrien.Humiliée, elle se fait akumatiser par le Papillon. Devenue Riposte et armée de son sabre, elle veut se venger d’Adrien en le battant lors d’un nouveau duel. Marinette / Ladybug intervient, faisant preuve d’une rage inédite face à la super vilaine qui cherche à s’en prendre à son Adrien. Coincé entre Riposte qui veut l’attaquer et Ladybug qui veut le protéger, ce dernier ne peut pas devenir Chat Noir. Il lui faudra pourtant trouver un moyen de se transformer pour aider Ladybug à vaincre l’escrimeuse akumatisée…</t>
  </si>
  <si>
    <t>FR32407-HDTX</t>
  </si>
  <si>
    <t>DISNEY MICKEY MOUSE</t>
  </si>
  <si>
    <t>Le plus beau des rêves / Ensemble pour Toujours / ...</t>
  </si>
  <si>
    <t>Retrouvez une compilation d'épisodes de la saison 4 de Mickey Mouse</t>
  </si>
  <si>
    <t>FR63275-HDTX</t>
  </si>
  <si>
    <t>21:10:00</t>
  </si>
  <si>
    <t>Rencontre Sportive / Carnaval / A table les oiseaux</t>
  </si>
  <si>
    <t>22</t>
  </si>
  <si>
    <t>Retrouvez une compilation des épisodes de la saison 4 de Mickey Mouse</t>
  </si>
  <si>
    <t>FR63276-HDTX</t>
  </si>
  <si>
    <t>21:20:00</t>
  </si>
  <si>
    <t>Abeille et Toile de Maître / Le Plan d'eau / L'année du chien</t>
  </si>
  <si>
    <t>FR63277-HDTX</t>
  </si>
  <si>
    <t>21:30:00</t>
  </si>
  <si>
    <t>Les Bonnes Manières / ...</t>
  </si>
  <si>
    <t>FR63278-HDTX</t>
  </si>
  <si>
    <t>101, RUE DES DALMATIENS</t>
  </si>
  <si>
    <t>Exercice d'équilibriste / Dawkins fait grève</t>
  </si>
  <si>
    <t>L'avenir du 101, rue des Dalmatiens est en danger ! Dylan et Dolly laissent Dawkins aux commandes.</t>
  </si>
  <si>
    <t>Royaume-Uni</t>
  </si>
  <si>
    <t>FR62076-HDTX</t>
  </si>
  <si>
    <t>Poodlefall !/ Dotty Dancing</t>
  </si>
  <si>
    <t>Hansel et Dylan jouent à Poodle Wolf, le jeu de société. Dylan demande discrètement à DJ de lui apprendre à danser.</t>
  </si>
  <si>
    <t>FR62077-HDTX</t>
  </si>
  <si>
    <t>Soirée jeu !</t>
  </si>
  <si>
    <t>Réalisateur: Matt Youngberg, Réalisateur: Francisco AngonesRéalisateur: Francisco Angones, Réalisateur: Matt Youngberg</t>
  </si>
  <si>
    <t>La soirée jeu en famille qui s'annonçait tranquille tourne au cauchemar, toute la famille devra affronter des rayons rétrécisseurs, une civilisation secrète et Picsou lancé dans une compétition déloyale pour gagner.</t>
  </si>
  <si>
    <t>FR62621-HDTX</t>
  </si>
  <si>
    <t>La ballade de Duke Baleineau</t>
  </si>
  <si>
    <t>Loulou et Zaza enquêtent sur un adorable pêcheur qui pourrait bien être Archibald Gripsou.</t>
  </si>
  <si>
    <t>FR62623-HDTX</t>
  </si>
  <si>
    <t>09/11/2020</t>
  </si>
  <si>
    <t>lundi</t>
  </si>
  <si>
    <t>Le festin de la fleur !</t>
  </si>
  <si>
    <t>Donald retrouve les membres de son ancien groupe, les Trois Caballeros, pendant que sa famille visite une petite ville brésilienne abritant un terrible secret…</t>
  </si>
  <si>
    <t>FR62624-HDTX</t>
  </si>
  <si>
    <t>Ladybug &amp; Chat Noir (Origines – Partie 1)</t>
  </si>
  <si>
    <t>25</t>
  </si>
  <si>
    <t>C’est la rentrée, et cette année encore, Marinette se retrouve dans la classe de Chloé, dont elle est le souffre-douleur. Mais elle trouve une amie en Alya, une nouvelle élève dont elle admire le caractère fonceur.Adrien, célèbre mannequin, aimerait aller au collège comme tout le monde, mais son père autoritaire et surprotecteur le lui interdit. Devenir Chat Noir lui permettra de découvrir pour la première fois les joies de la liberté et de laisser l’adolescent énergique et facétieux qui est en lui s’exprimer pleinement.</t>
  </si>
  <si>
    <t>PG19211-TX</t>
  </si>
  <si>
    <t>Cœur De Pierre (Origines – Partie 2)</t>
  </si>
  <si>
    <t>Adrien décide de désobéir à son père et d’aller au collège pour la première fois. C’est là que Marinette le rencontre, mais un malentendu lui fait penser qu’Adrien ne vaut pas mieux que Chloé, avec qui il est ami.Nos collégiens n’ont pas le temps de faire connaissance car il leur faut affronter Cœur de Pierre, alias Ivan, akumatisé par Le Papillon. Si Adrien n’hésite pas un instant à se transformer en Chat Noir, Marinette manque de confiance en elle et ne veut plus être Ladybug.</t>
  </si>
  <si>
    <t>PG19203-TX</t>
  </si>
  <si>
    <t>Elena D'Avalor S3 Ep 75</t>
  </si>
  <si>
    <t>75</t>
  </si>
  <si>
    <t>Elena continue sa quête tout en protégeant son royaume d'une famille de sorciers malfaisants et en apprenant à maîtriser ses nouveaux pouvoirs magiques.</t>
  </si>
  <si>
    <t>FR71273-HDTX</t>
  </si>
  <si>
    <t>Amies pour la vie</t>
  </si>
  <si>
    <t>68</t>
  </si>
  <si>
    <t>La visite d'une amie d'enfance réveille des doutes en Naomi quant à son rôle au sein du Grand Conseil.</t>
  </si>
  <si>
    <t>FR71266-HDTX</t>
  </si>
  <si>
    <t>08:45:00</t>
  </si>
  <si>
    <t>Hanoucca</t>
  </si>
  <si>
    <t>70</t>
  </si>
  <si>
    <t>Elena aide une autre famille royale à fêter Hanoucca.</t>
  </si>
  <si>
    <t>FR71268-HDTX</t>
  </si>
  <si>
    <t>SADIE SPARKS</t>
  </si>
  <si>
    <t>Mentors de Malheur / Créatures en folie</t>
  </si>
  <si>
    <t>Réalisateur: Olivier Lelardoux, Réalisateur: Bronagh O'HanlonRéalisateur: Olivier Lelardoux, Réalisateur: Bronagh O'Hanlon</t>
  </si>
  <si>
    <t>Gilbert et Sadie se disputent devant les Anciens qui les renvoient chez eux en leur ordonnant de préparer un sortilège de transformation. Le duo est toujours en froid quand une chatte magique, Purrpetua, se glisse dans la maison. / Une autre faille s'est ouverte entre le monde des humains et le royaume magique. Les Anciens font appel à Sadie pour les aider à réparer cette déchirure, mais la jeune fille insiste pour garder avec elle une pastèque.</t>
  </si>
  <si>
    <t>FR61491-HDTX</t>
  </si>
  <si>
    <t>Super Teepee / Du flair pour les galères</t>
  </si>
  <si>
    <t>10</t>
  </si>
  <si>
    <t>Un jour, dans la cafétéria, Sadie aperçoit Sam qui trébuche avec son plateau-repas. Par réflexe, la jeune fille lance un sort pour lui éviter de tomber. Pour éviter que toute l'école n'apprenne l'existence des pouvoirs de Sadie, Teepee dit qu'il est devenu un super héros. / Mordecai décide de faire passer un test aux deux apprentis sorciers et échange leur mentor : Gilbert doit s'occuper de Blaine et Cornelius de Sadie.</t>
  </si>
  <si>
    <t>FR61467-HDTX</t>
  </si>
  <si>
    <t>10:15:00</t>
  </si>
  <si>
    <t>HÔTEL TRANSYLVANIE - LA SÉRIE</t>
  </si>
  <si>
    <t>Nom d’une petite peste !</t>
  </si>
  <si>
    <t>Pour d'innocentes raisons, Mavis fait croire à ses amis que c'est son anniversaire, mais ça n'arrange pas du tout La Mort qui décide de renvoyer Mavis à l'état de bébé.</t>
  </si>
  <si>
    <t>11min</t>
  </si>
  <si>
    <t>FR75334-HDTX</t>
  </si>
  <si>
    <t>Les nouveaux habits de tante Lydia</t>
  </si>
  <si>
    <t>Tante Lydia reçoit son poncho d'invisibilité et il est fantastique. Bien sûr, Mavis et ses amis jouent avec le vêtement et le détruisent par mégarde. Les voilà donc obligés de faire croire à Tante Lydia qu'elle est invisible.</t>
  </si>
  <si>
    <t>FR75335-HDTX</t>
  </si>
  <si>
    <t>Le client a toujours raison</t>
  </si>
  <si>
    <t>Grâce à des lunettes magiques prescrites par erreur, Wendy peut lire dans les pensées. Mavis met ce pouvoir de voyance à profit pour anticiper les désirs des clients, mais bien sûr la chose tourne mal.</t>
  </si>
  <si>
    <t>FR75336-HDTX</t>
  </si>
  <si>
    <t>11:10:00</t>
  </si>
  <si>
    <t>Robostus</t>
  </si>
  <si>
    <t>Markov, le meilleur ami de Max, est un petit robot doté d’émotions. Mais quand Max l’emmène avec lui au collège, Mme Mendeleiev et le proviseur M. Damoclès le traitent comme un jouet et le séparent de Max. Profitant de la détresse de Markov, le Papillon l’akumatise en Robostus.Désormais capable de donner vie aux objets inanimés, Robostus sème le chaos dans Paris. Il veut réunir les Miraculous de Ladybug et Chat Noir pour ne plus jamais être séparé de son ami Max.Nos deux super-héros parviendront-ils à faire entendre raison à ce robot tout ce qu’il y a de plus humain ?</t>
  </si>
  <si>
    <t>FR32411-HDTX</t>
  </si>
  <si>
    <t>11:35:00</t>
  </si>
  <si>
    <t>Sapotis</t>
  </si>
  <si>
    <t>Alors que Marinette et Alya font une soirée pyjama chez cette dernière, les petites sœurs d’Alya, les jumelles Etta et Ella, enchaînent les bêtises. Punies par Alya, les jumelles se font akumatiser par le Papillon. Devenues les Sapotis, des petits monstres incontrôlables qui se reproduisent en mangean. Rapidement dépassée par la situation et le nombre de Sapotis facétieux, Ladybug doit faire appel à une nouvelle super héroïne. Elle choisit Alya et lui confie le Miraculous du Renard. Alya devient Rena Rouge, la super-héroïne renarde armée d’une flûte à illusions !</t>
  </si>
  <si>
    <t>FR32412-HDTX</t>
  </si>
  <si>
    <t>12:10:00</t>
  </si>
  <si>
    <t>CAMP KIKIWAKA</t>
  </si>
  <si>
    <t>En plein brouillard</t>
  </si>
  <si>
    <t>Réalisateur: Rich Correll, Interprète: Peyton List, Interprète: Kevin Quinn, Interprète: Miranda May, Interprète: Casey Campbell, Interprète: Nina Lu, Interprète: Skai Jackson, Interprète: Nathan Arenas, Interprète: Karan BrarInterprète: Miranda May, Interprète: Skai Jackson, Interprète: Nina Lu, Interprète: Nathan Arenas, Interprète: Karan Brar, Interprète: Kevin Quinn, Interprète: Peyton List</t>
  </si>
  <si>
    <t>Un étrange brouillard toxique s'abat sur le camp Kikiwaka.</t>
  </si>
  <si>
    <t>FR29064-HDTX</t>
  </si>
  <si>
    <t>12:35:00</t>
  </si>
  <si>
    <t>Le concours de cuisine</t>
  </si>
  <si>
    <t>Réalisateur: Ben DeJesus, Interprète: Casey Campbell, Interprète: Nina Lu, Interprète: Skai Jackson, Interprète: Karan Brar, Interprète: Nathan Arenas, Interprète: Kevin Quinn, Interprète: Peyton List, Interprète: Miranda MayInterprète: Miranda May, Interprète: Skai Jackson, Interprète: Nina Lu, Interprète: Nathan Arenas, Interprète: Karan Brar, Interprète: Kevin Quinn, Interprète: Peyton List</t>
  </si>
  <si>
    <t>Quand Murphy défie les enfants de cuisiner le repas du camp, une compétition commence entre les campeurs.</t>
  </si>
  <si>
    <t>FR29069-HDTX</t>
  </si>
  <si>
    <t>13:05:00</t>
  </si>
  <si>
    <t>13:30:00</t>
  </si>
  <si>
    <t>79</t>
  </si>
  <si>
    <t>Relax Paf/ La Course de caisse à savon/ La Carte au trésor</t>
  </si>
  <si>
    <t>Papa et Lola vont faire des courses. Il va en profiter pour offrir une figurine à Lola. Mais il en reste qu'une et Victor et Tank la convoitent également. / Pour aider sa mère architecte, Lola a l'idée de fabriquer une construction avec des kaplas. Or, les Guanos seraient ravis de récupérer des kaplas pour refaire la déco de leur cabane. / Paf doit surveiller Capuche qui se retrouve dans le jardin de Victor. Les Guanos vont tenter de la capturer.</t>
  </si>
  <si>
    <t>FR83009-HDTX</t>
  </si>
  <si>
    <t>PHINÉAS ET FERB</t>
  </si>
  <si>
    <t>Le tour du monde en un jour (Première partie)</t>
  </si>
  <si>
    <t>63</t>
  </si>
  <si>
    <t>Réalisateur: Dan Povenmire, Réalisateur: Robert F Hughes, Interprète: Bowling For SoupRéalisateur: Dan Povenmire, Interprète: Bowling For Soup</t>
  </si>
  <si>
    <t>Phinéas et Ferb arrivent à la moitié de leurs vacances et pensent qu’ils n’en ont pas assez profité. Pour le jour le plus long de l’année, ils veulent frapper fort et entreprennent, en compagnie de leurs amis, un tour du monde.</t>
  </si>
  <si>
    <t>2007</t>
  </si>
  <si>
    <t>FR50630-HDTX</t>
  </si>
  <si>
    <t>Le tour du monde en un jour (Seconde partie)</t>
  </si>
  <si>
    <t>64</t>
  </si>
  <si>
    <t>Réalisateur: Robert F Hughes, Réalisateur: Dan Povenmire, Interprète: Bowling For SoupRéalisateur: Dan Povenmire, Interprète: Bowling For Soup</t>
  </si>
  <si>
    <t>Phinéas, Ferb et leurs compagnons arrivent enfin à Paris. Candice veut en profiter pour voir Jeremy qui se trouve dans la même ville. Leur visite est de courte durée car une course contre la montre s'engage...</t>
  </si>
  <si>
    <t>FR50631-HDTX</t>
  </si>
  <si>
    <t>Le Patineur</t>
  </si>
  <si>
    <t>43</t>
  </si>
  <si>
    <t>Quand Adrien demande conseil à Marinette sur sa vie sentimentale, elle s’improvise malgré elle sa conseillère amoureuse et se retrouve prise dans un rendez-vous croisé à la patinoire : Kagami accompagne Adrien, et Luka accompagne Marinette. Philippe, un entraîneur de patinage sur glace, discute avec le Maire Bourgeois, qui veut faire fermer sa patinoire. Désemparé, Philippe se fait akumatiser par le Papillon et devient le Patineur. Armé de ses patins maléfiques, il veut faire de Paris son Royaume de glace !Alors que Ladybug et Chat Noir se découvrent des pouvoirs spéciaux</t>
  </si>
  <si>
    <t>FR32417-HDTX</t>
  </si>
  <si>
    <t>LES GREEN À BIG CITY</t>
  </si>
  <si>
    <t>La foire aux amis / Le filou filouté</t>
  </si>
  <si>
    <t>44</t>
  </si>
  <si>
    <t>Chip et Bill deviennent amis. Cricket se fait escroquer.</t>
  </si>
  <si>
    <t>FR70947-HDTX</t>
  </si>
  <si>
    <t>Cricket superstar / Le stage de football</t>
  </si>
  <si>
    <t>Cricket est confondu avec une pop star disparue et profite de la situation pour goûter à la gloire. Cricket accompagne Remy faire un stage de football pour qu'il impressionne son père.</t>
  </si>
  <si>
    <t>FR70939-HDTX</t>
  </si>
  <si>
    <t>Le Mime</t>
  </si>
  <si>
    <t>Catastrophe ! Marinette a effacé sans le vouloir une vidéo qu’Alya avait faite de Ladybug et où cette dernière la complimentait pour le Ladyblog ! Pensant qu’Alya sera furieuse, Marinette décide de lui cacher la vérité et de se transformer en Ladybug pour tourner à nouveau le film effacé. Mais son plan est compromis lorsqu’un nouveau vilain apparaît.</t>
  </si>
  <si>
    <t>PG19199-TX</t>
  </si>
  <si>
    <t>Princesse Fragrance</t>
  </si>
  <si>
    <t>La journée commence mal pour Marinette : non seulement Tikki est très malade, mais à force de repousser le moment de la faire soigner, notre héroïne finit par la perdre par négligence ! Pendant ce temps, Rose, une élève du collège très romantique, est akumatisée par Le Papillon. Devenue Princesse Fragrance et armée de son flacon de parfum, elle sème une pagaille parfumée dans toute la capitale et enlève l’élu de son cœur, un prince en visite à Paris.Chat Noir s’étant fait envoûter par Princesse Fragrance, c’est à Ladybug d’affronter seule la méchante… et Chat Noir !</t>
  </si>
  <si>
    <t>PG19201-TX</t>
  </si>
  <si>
    <t>Le Chevalier Noir</t>
  </si>
  <si>
    <t>Catastrophe ! En cherchant à ridiculiser Marinette pour l’empêcher d’être élue déléguée de classe, Chloé a mis la main sur son journal intime, dans lequel Marinette raconte tous ses secrets… y compris le fait qu’elle est Ladybug ! Marinette doit absolument le récupérer avant que Chloé ne puisse le lire !Mais avant qu’elle en ait le temps, le professeur d’escrime d’Adrien, battu aux élections municipales, est akumatisé et devient Le Chevalier Noir. Armé de son épée, il transforme les Parisiens en chevaliers pour prendre d’assaut l’Hôtel de Ville et en déloger le Maire Bourgeois.</t>
  </si>
  <si>
    <t>PG19198-TX</t>
  </si>
  <si>
    <t>L'esprit d'un magicien</t>
  </si>
  <si>
    <t>66</t>
  </si>
  <si>
    <t>Mateo et Elena tentent de délivrer le grand-père de Mateo qui est enfermé dans un livre magique.</t>
  </si>
  <si>
    <t>FR71264-HDTX</t>
  </si>
  <si>
    <t>L'équipe de choc</t>
  </si>
  <si>
    <t>67</t>
  </si>
  <si>
    <t>Elena et ses amis ont été ensorcelés par un voleur magicien. Isabel et ses copains doivent alors prendre les choses en main.</t>
  </si>
  <si>
    <t>FR71265-HDTX</t>
  </si>
  <si>
    <t>20:00:00</t>
  </si>
  <si>
    <t>PYJAMASQUES</t>
  </si>
  <si>
    <t>Bibou et le gentil méchant / Bibou et le nouveau justicier</t>
  </si>
  <si>
    <t>Réalisateur: Christian De VitaRéalisateur: Christian De Vita</t>
  </si>
  <si>
    <t>Roméo veut que Tatouro'Tom l'aide à construire un QG : il lui fait donc croire qu'il est devenu gentil ! Mais quand Tatouro'Tom comprend que Roméo lui a menti, il se met dans une grande colère. Les Pyjamasques doivent vite l'arrêter avant qu'il ne détruise toute la ville. / Ninjaka fait croire à Tatouro'Tom que les Pyjamasques toutes les bandes dessinées de Zoé Zap ! Mais c'est pour détourner l'attention de nos trois héros et faire installer, par ses Ninja-Zouaves, une immense statue de Ninjaka !</t>
  </si>
  <si>
    <t>FR43086-HDTX</t>
  </si>
  <si>
    <t>20:25:00</t>
  </si>
  <si>
    <t>Gluglu et les algues fluorescentes/Bibou et le télescope</t>
  </si>
  <si>
    <t>Roméo a découvert des algues au pouvoir extraordinaire, dont il compte bien se servir pour conquérir le monde. Yoyo et Bibou sont rapidement capturés par ces algues et Gluglu doit combattre Roméo tout seul. Mais Gluglu aura-t-il suffisament confiance en lui ? / Après avoir récupéré le télescope que Sorceline venait de voler au musée, Bibou fait tomber l’instrument, qui se casse. N’osant pas avouer sa bêtise à Yoyo et Gluglu, elle les laisse croire que c’est Sorceline la coupable. Mais ce mensonge va beaucoup compliquer la mission des Pyjamasques.</t>
  </si>
  <si>
    <t>FR43087-HDTX</t>
  </si>
  <si>
    <t>Dernier feu de camp</t>
  </si>
  <si>
    <t>Interprète: Nina Lu, Interprète: Skai Jackson, Interprète: Karan Brar, Interprète: Nathan Arenas, Interprète: Kevin Quinn, Interprète: Peyton List, Interprète: Miranda MayInterprète: Miranda May, Interprète: Skai Jackson, Interprète: Nina Lu, Interprète: Nathan Arenas, Interprète: Karan Brar, Interprète: Kevin Quinn, Interprète: Peyton List</t>
  </si>
  <si>
    <t>Pour fêter leur dernière nuit sur le camp, les enfants partent en camping sauvage. Ravi et Emma passent leur dernier examen pour devenir officiellement moniteurs.</t>
  </si>
  <si>
    <t>FR34104-HDTX</t>
  </si>
  <si>
    <t>Nouveau Départ</t>
  </si>
  <si>
    <t>Interprète: Will Buie, Interprète: Karan Brar, Interprète: Raphael Alejandro, Interprète: Mallory James Mahoney, Interprète: Peyton List, Interprète: Miranda May, Interprète: Skai JacksonInterprète: Miranda May, Interprète: Will Buie, Interprète: Skai Jackson, Interprète: Karan Brar, Interprète: Raphael Alejandro, Interprète: Mallory James Mahoney, Interprète: Peyton List</t>
  </si>
  <si>
    <t>Les enfants Ross reviennent au Camp Kikiwaka et découvrent que les cabanes n'ont jamais été reconstruites et que Gladys a disparu. Vont-ils devoir fermer le Camp pour toujours?</t>
  </si>
  <si>
    <t>FR57021-HDTX</t>
  </si>
  <si>
    <t>Le déménagement</t>
  </si>
  <si>
    <t>Cooper est contrarié parce que Peyton doit déménager au Canada et qu'elle ne semble pas triste de partir.</t>
  </si>
  <si>
    <t>FR58800-HDTX</t>
  </si>
  <si>
    <t>La mauvaise note</t>
  </si>
  <si>
    <t>Jenna promet aux enfants de les emmener en voyage s'ils ont tous de bonnes notes, mais quand Charlotte a étonnamment une mauvaise note, les vacances sont remises en question.</t>
  </si>
  <si>
    <t>FR58801-HDTX</t>
  </si>
  <si>
    <t>VIOLETTA</t>
  </si>
  <si>
    <t>Episode 51</t>
  </si>
  <si>
    <t>51</t>
  </si>
  <si>
    <t>Réalisateur: Lucas Gil, Réalisateur: Martin Saban, Réalisateur: Jorge Nisco, Interprète: Nicolas Garnier, Interprète: Mercedes Lambre, Interprète: Lodovica Comello, Interprète: Florencia Benitez, Interprète: Alba Rico, Interprète: Martina Stoessel, Interprète: Pablo Espinosa, Interprète: Simone Lijoi, Interprète: Clara Alonso, Interprète: Facundo Gambande, Interprète: Jorge Blanco, Interprète: Candelaria Molfese, Interprète: Diego Ramos, Interprète: Damian Trabada, Interprète: Gonzalo Martinez, Interprète: Joaquin Mendez, Interprète: Milagros Ceballos, Interprète: Iara Munoz, Interprète: Esther RamosRéalisateur: Lucas Gil, Réalisateur: Martin Saban, Réalisateur: Jorge Nisco, Interprète: Mercedes Lambre, Interprète: Lodovica Comello, Interprète: Florencia Benitez, Interprète: Alba Rico, Interprète: Martina Stoessel, Interprète: Diego Ramos, Interprète: Pablo Espinosa, Interprète: Simone Lijoi, Interprète: Clara Alonso, Interprète: Facundo Gambande, Interprète: Jorge Blanco, Interprète: Candelaria Molfese, Interprète: Nicolas Garnier, Interprète: Damian Trabada, Interprète: Joaquin Mendez, Interprète: Milagros Ceballos, Interprète: Iara Munoz, Interprète: Gonzalo Martinez, Interprète: Esther Ramos</t>
  </si>
  <si>
    <t>Luca laisse les élèves ainsi que Pablo et Angie utiliser la réserve du restaurant pour qu'ils puissent répéter et s'amuser. Andrés ordonne à Tomas de ne plus approcher Ludmila parce qu'à présent, il sort avec elle.</t>
  </si>
  <si>
    <t>Espagne</t>
  </si>
  <si>
    <t>2012</t>
  </si>
  <si>
    <t>44min</t>
  </si>
  <si>
    <t>FJ67387-TX</t>
  </si>
  <si>
    <t>10/11/2020</t>
  </si>
  <si>
    <t>mardi</t>
  </si>
  <si>
    <t>Le colocataire de Donald !</t>
  </si>
  <si>
    <t>Loulou recrute Hercule dans l'entreprise qu'il vient de monter. De son côté, Hercule affronte son plus grand défi : devenir le colocataire idéal de Donald.</t>
  </si>
  <si>
    <t>FR64013-HDTX</t>
  </si>
  <si>
    <t>Le périple de Della Duck !</t>
  </si>
  <si>
    <t>Réalisateur: Francisco Angones, Réalisateur: Matt YoungbergRéalisateur: Francisco Angones, Réalisateur: Matt Youngberg</t>
  </si>
  <si>
    <t>Seule, Della se bat pour survivre dans l'environnement hostile de la Lune. Arrivera-t-elle à retourner sur Terre et à retrouver sa famille ?</t>
  </si>
  <si>
    <t>FR62627-HDTX</t>
  </si>
  <si>
    <t>Le Dislocoeur</t>
  </si>
  <si>
    <t>11</t>
  </si>
  <si>
    <t>C’est la Saint-Valentin, et Marinette découvre qu’Adrien a écrit un poème à une jeune fille qu’il voit tous les jours… Et s’il s’agissait d’elle ? Pour le découvrir, elle décide d’écrire une carte à Adrien dans laquelle elle lui déclare sa flamme.Dans son enthousiasme, elle encourage Kim à avouer lui aussi ses sentiments à Chloé. Mais cette dernière se moque de lui et le rejette. Humilié, Kim est akumatisé par Le Papillon et devient l’ange noir Dislocoeur. Armé d’un arc et de roses maléfiques, il veut faire disparaître l’amour et l’amitié du cœur des Parisiens pour les remplacer par la haine</t>
  </si>
  <si>
    <t>PG19197-TX</t>
  </si>
  <si>
    <t>Croisière d'anniversaire</t>
  </si>
  <si>
    <t>69</t>
  </si>
  <si>
    <t>Elena tente d'aider la princesse Chloé à se faire des amis en lui organisant une fête d'anniversaire. Mais une nymphe menace de gâcher les festivités.</t>
  </si>
  <si>
    <t>FR71267-HDTX</t>
  </si>
  <si>
    <t>Des pas de géants</t>
  </si>
  <si>
    <t>71</t>
  </si>
  <si>
    <t>Naomi rentre à Avalor pour mettre en garde Elena contre des sorciers malavisés.</t>
  </si>
  <si>
    <t>FR71269-HDTX</t>
  </si>
  <si>
    <t>La tête dans les étoiles</t>
  </si>
  <si>
    <t>72</t>
  </si>
  <si>
    <t>FR71270-HDTX</t>
  </si>
  <si>
    <t>Magie contre Aliens / Un Max de blé</t>
  </si>
  <si>
    <t>Un matin, une rumeur circule à propos d'une soucoupe volante qui se serait écrasée dans la forêt d'Harmony. Sadie sait que sa mère est en ce moment à la recherche d'un scoop pour son travail, alors elle lui relaie l'info. Mais il s'agit en fait du sauna de Vincent! / Embarrassée par les inventions foireuses de Max (notamment son drone sac à dos), Sadie lui suggère plutôt de commencer par quelque chose de plus simple. Elle lui propose alors de monter un stand de chocolat chaud. Ça au moins, ça ne peut pas rater. Quoi que...</t>
  </si>
  <si>
    <t>FR61468-HDTX</t>
  </si>
  <si>
    <t>Une appli de folie / La malédiction des secrets</t>
  </si>
  <si>
    <t>Sadie prépare une petite fête chez elle, mais elle a peur que ses invités s'ennuient. Elle décide d'utiliser la nouvelle application Toady Booster sur son téléphone pour l'aider à organiser la fête. Plus tard, Sadie lance un sort à « Toady » pour lui donner un peu plus de liberté créative. / Sadie surprend Max qui fouine dans sa chambre et elle le jette dehors. Le lendemain, les élèves du collège de Harmony sont changés en pierre par une étrange silhouette sombre et les Anciens accusent Sadie d'avoir utilisé de la magie noire.</t>
  </si>
  <si>
    <t>FR61469-HDTX</t>
  </si>
  <si>
    <t>Parlez-vous le blobien?</t>
  </si>
  <si>
    <t>Pedro veut apprendre le blobien, mais plutôt que de suivre des cours, il a recours à la magie. Malheureusement, ce sont tous les occupants de l'hôtel qui se mettent à parler blobien et rien d'autre.</t>
  </si>
  <si>
    <t>FR75337-HDTX</t>
  </si>
  <si>
    <t>Baguette tragique</t>
  </si>
  <si>
    <t>Mavis' lost magic wand falls into the wrong hands and Hotel Transylvania gets trapped inside a snow globe. Mavis finally gets a word in the Vamptionary!</t>
  </si>
  <si>
    <t>FR75338-HDTX</t>
  </si>
  <si>
    <t>Les maux des mots</t>
  </si>
  <si>
    <t>FR75339-HDTX</t>
  </si>
  <si>
    <t>Le Hibou Noir</t>
  </si>
  <si>
    <t>39</t>
  </si>
  <si>
    <t>Le proviseur du collège, Monsieur Damoclès, aime se déguiser en Hibou, un super-héros qu’il admire et dont il essaie d’imiter les prouesses. Malheureusement, M. Damoclès n’a pas l’habileté de son héros, et Ladybug et Chat Noir doivent souvent voler à son secours. Au cours d’une de ses missions, Ladybug et Chat Noir, en voulant l’aider, l’humilient involontairement en public.Honteux et furieux, M. Damoclès est akumatisé par le Papillon et devient le Hibou Noir.</t>
  </si>
  <si>
    <t>FR32413-HDTX</t>
  </si>
  <si>
    <t>Ta mère, mon idole</t>
  </si>
  <si>
    <t>Réalisateur: Robbie Countryman, Interprète: Karan Brar, Interprète: Peyton List, Interprète: Kevin Quinn, Interprète: Miranda May, Interprète: Skai Jackson, Interprète: Christina Moore, Interprète: Nina Lu, Interprète: Nathan ArenasInterprète: Miranda May, Interprète: Skai Jackson, Interprète: Nina Lu, Interprète: Nathan Arenas, Interprète: Karan Brar, Interprète: Kevin Quinn, Interprète: Peyton List</t>
  </si>
  <si>
    <t>Lou voit son rêve se réaliser : la légendaire Christina Ross vient passer quelques jours au campement. Les garçons de la cabine des Grizzly partent en camping à la montagne.</t>
  </si>
  <si>
    <t>FR29062-HDTX</t>
  </si>
  <si>
    <t>La Boue est Taboue</t>
  </si>
  <si>
    <t>Réalisateur: Rich Correll, Interprète: Nina Lu, Interprète: Nathan Arenas, Interprète: Karan Brar, Interprète: Peyton List, Interprète: Nate Stone, Interprète: Kevin Quinn, Interprète: Lincoln Melcher, Interprète: Miranda May, Interprète: Skai JacksonInterprète: Miranda May, Interprète: Skai Jackson, Interprète: Nina Lu, Interprète: Nathan Arenas, Interprète: Karan Brar, Interprète: Kevin Quinn, Interprète: Peyton List</t>
  </si>
  <si>
    <t>Malgré l'interdiction de Ravi, Zuri, Tiffany et Jorge font des glissades dans un chemin de boue qu'ils ont découvert pendant une randonnée.</t>
  </si>
  <si>
    <t>FR29068-HDTX</t>
  </si>
  <si>
    <t>Reflekta</t>
  </si>
  <si>
    <t>Juleka, n’a jamais réussi à être présente sur la photo de classe, victime depuis toujours d’une « malédiction ». Cette année, Marinette a décidé de l’aider à déjouer cette malchance. Mais c’était sans compter sur Chloé, qui se débrouille pour écarter Juleka de la séance photo. Marinette décide alors de faire disparaître le cliché qui a été pris pour obliger le photographe à le refaire et réconforter Juleka.</t>
  </si>
  <si>
    <t>PG19208-TX</t>
  </si>
  <si>
    <t>La Marionnettiste</t>
  </si>
  <si>
    <t>Marinette garde une nouvelle fois la petite Manon, pour qui elle a fabriqué des poupées à l’effigie de Ladybug, Chat Noir et quelques célèbres méchants. Mais suite à un malentendu, Manon est injustement accusée d’avoir volé une poupée à Marinette et se fait akumatiser. Devenue La Marionnettiste, elle donne vie aux poupées des méchants et compte bien s’emparer de celles de Ladybug et Chat Noir pour pouvoir les contrôler et donner leurs Miraculous au Papillon.</t>
  </si>
  <si>
    <t>PG19205-TX</t>
  </si>
  <si>
    <t>Bague à part / Livraison Express / Allez Paf</t>
  </si>
  <si>
    <t>Papa va offrir une bague à Maman. Lola fait tomber la bague dans l'évier. Paf va l'aider à la récupérer…et faire en sorte que les Guanos ne la volent pas. / Un coursier prend par erreur le colis de Lola. Paf va devoir le récupérer avant qu'il ne soit expédié. / Lola et Victor engagent une séance de pénalty qui va déterminer qui conservera le super ballon qui appartient à sa mère. Paf va tout faire pour que Victor n'arrive pas à tricher et récupérer le ballon.</t>
  </si>
  <si>
    <t>FR83010-HDTX</t>
  </si>
  <si>
    <t>Les montagnes russes, la comédie musicale</t>
  </si>
  <si>
    <t>65</t>
  </si>
  <si>
    <t>Phinéas et Ferb se lancent une nouvelle fois dans la réalisation de montagnes russes mais cette fois-ci, en une version musicale haute en couleurs.</t>
  </si>
  <si>
    <t>FR50632-HDTX</t>
  </si>
  <si>
    <t>Cours Candice, cours ! / Laisse tomber, Candice !</t>
  </si>
  <si>
    <t>Réalisateur: Jay Lender, Réalisateur: Robert F Hughes, Réalisateur: Dan Povenmire, Interprète: Bowling For SoupRéalisateur: Dan Povenmire, Interprète: Bowling For Soup</t>
  </si>
  <si>
    <t>Phinéas et Ferb, impressionnés par la vitesse du guépard, se lancent dans la fabrication de chaussures ultra rapides. / Phinéas et Ferb, accompagnés de leurs copains, sont en visite chez leurs grands-parents où ils organisent une course de montgolfières.</t>
  </si>
  <si>
    <t>FR54025-HDTX</t>
  </si>
  <si>
    <t>Le combat des Reines - Partie 1</t>
  </si>
  <si>
    <t>C’est la Fashion Week et le tout Paris a rendez-vous au défilé de mode de Gabriel Agreste, durant lequel Adrien portera un chapeau créé par Marinette. Pour l’occasion, Audrey Bourgeois, la mère de Chloé et la Reine Internationale de la mode, est de passage dans la capitale.Mais, manipulée par Gabriel / le Papillon, Audrey se fait akumatiser et devient Style Queen, la vilaine la plus chic de tout Paris !Ladybug s’apprête à faire appel à un nouveau super héros pour l’aider, mais elle perd le Miraculous qu’elle souhaitait lui confier…</t>
  </si>
  <si>
    <t>FR81227-HDTX</t>
  </si>
  <si>
    <t>Le combat des Reines - Partie 2</t>
  </si>
  <si>
    <t>Audrey Bourgeois, Reine de la Mode et mère de Chloé, félicite Marinette pour son talent et lui propose de l’accompagner à New York. Jalouse, Chloé utilise le Miraculous de l’Abeille égaré par Ladybug pour se transformer en Queen Bee, bien décidée à prouver à sa mère qu’elle est aussi exceptionnelle que Marinette.Mais rien ne se passe comme prévu et Chloé se fait akumatiser par le Papillon… alors qu’elle est encore en Queen Bee !Désormais à la tête d’une armée d’abeilles maléfiques, Queen Wasp veut se venger de Ladybug et Chat Noir, qui ne la reconnaissent pas en tant que super héroïne.</t>
  </si>
  <si>
    <t>FR32419-HDTX</t>
  </si>
  <si>
    <t>La ferme des Green / Le monde magique des poupées</t>
  </si>
  <si>
    <t>Retour en arrière : le jeune Bill fera tout ce qu'il pourra pour que la ferme familiale prospère. Tlly et Nancy fêtent l'anniversaire de Saxon dans un magasin de poupées très chic.</t>
  </si>
  <si>
    <t>FR70948-HDTX</t>
  </si>
  <si>
    <t>Vague de chaleur / La vérité est ailleurs</t>
  </si>
  <si>
    <t>Cricket et Remy disputent un match animé de basket lors d'une journée de canicule. Pour éviter une punition, Cricket doit faire croire à son père, pourtant rationnel, que les extraterrestres existent.</t>
  </si>
  <si>
    <t>FR70940-HDTX</t>
  </si>
  <si>
    <t>Animan</t>
  </si>
  <si>
    <t>Alors qu’elle pense passer l’après-midi au zoo avec Nino et Adrien, Marinette se retrouve seule avec Nino. Ce dernier, amoureux d’elle et coaché à distance par Adrien, essaie de lui avouer ses sentiments. Mais, intimidé, il finit par lui dire qu’il aime Alya. Cette dernière coache également Marinette et entend tout. Malgré les réticences de sa meilleure amie, Marinette finit par proposer à Nino un rendez-vous avec Alya !</t>
  </si>
  <si>
    <t>PG19204-TX</t>
  </si>
  <si>
    <t>Jackady</t>
  </si>
  <si>
    <t>20</t>
  </si>
  <si>
    <t>Venu présenter un numéro d’hypnose lors d’un concours de talents à la télévision, Jacques Grimault se fait humilier par Gabriel Agreste, le père d’Adrien. Akumatisé par Le Papillon, il devient Jackady. Armé de son jeu de cartes, il lui suffit de donner un ordre pour se faire obéir de tous. Et le vilain compte bien se servir de son nouveau don pour se venger de Gabriel, hypnotisant tout Paris sur son passage.Ladybug et Chat Noir doivent absolument intervenir, Chat Noir / Adrien pour protéger son père, et Ladybug / Marinette pour sauver le père d’Adrien et Adrien lui-même.</t>
  </si>
  <si>
    <t>PG19206-TX</t>
  </si>
  <si>
    <t>ZOMBIES 2 VERSION KARAOKÉ</t>
  </si>
  <si>
    <t>Retrouvez la version karaoké du DCOM Zombies 2</t>
  </si>
  <si>
    <t>FR84287-HDTX</t>
  </si>
  <si>
    <t>Nouvelle amitié</t>
  </si>
  <si>
    <t>Quand Cami perd l'argent pour le prochain danse-athon de l'école, la seule personne prête à l'aider est une nouvelle camarade de classe excentrique nommée Delaware.</t>
  </si>
  <si>
    <t>FR58802-HDTX</t>
  </si>
  <si>
    <t>Comme des poissons dans l'eau</t>
  </si>
  <si>
    <t>Cooper décide d'emmener son petit frère Oliver à sa première partie de pêche, mais quand le bateau tombe en panne, lui, Oliver et Fred se retrouvent coincés au milieu d'un lac.</t>
  </si>
  <si>
    <t>FR58803-HDTX</t>
  </si>
  <si>
    <t>Episode 52</t>
  </si>
  <si>
    <t>52</t>
  </si>
  <si>
    <t>Réalisateur: Lucas Gil, Réalisateur: Martin Saban, Réalisateur: Jorge Nisco, Interprète: Pablo Espinosa, Interprète: Simone Lijoi, Interprète: Mercedes Lambre, Interprète: Lodovica Comello, Interprète: Clara Alonso, Interprète: Facundo Gambande, Interprète: Jorge Blanco, Interprète: Candelaria Molfese, Interprète: Diego Ramos, Interprète: Nicolas Garnier, Interprète: Florencia Benitez, Interprète: Alba Rico, Interprète: Martina Stoessel, Interprète: Damian Trabada, Interprète: Gonzalo Martinez, Interprète: Joaquin Mendez, Interprète: Milagros Ceballos, Interprète: Iara Munoz, Interprète: Esther RamosRéalisateur: Lucas Gil, Réalisateur: Martin Saban, Réalisateur: Jorge Nisco, Interprète: Mercedes Lambre, Interprète: Lodovica Comello, Interprète: Florencia Benitez, Interprète: Alba Rico, Interprète: Martina Stoessel, Interprète: Diego Ramos, Interprète: Pablo Espinosa, Interprète: Simone Lijoi, Interprète: Clara Alonso, Interprète: Facundo Gambande, Interprète: Jorge Blanco, Interprète: Candelaria Molfese, Interprète: Nicolas Garnier, Interprète: Damian Trabada, Interprète: Joaquin Mendez, Interprète: Milagros Ceballos, Interprète: Iara Munoz, Interprète: Gonzalo Martinez, Interprète: Esther Ramos</t>
  </si>
  <si>
    <t>Angie surprend Jade en train d'essayer de voler l'enveloppe du détective privé dans son sac à main. Nata est furieuse que Gregorio ait recruté sa sœur Lena pour son groupe d'élite.</t>
  </si>
  <si>
    <t>45min</t>
  </si>
  <si>
    <t>FJ67388-TX</t>
  </si>
  <si>
    <t>11/11/2020</t>
  </si>
  <si>
    <t>mercredi</t>
  </si>
  <si>
    <t>06:50:00</t>
  </si>
  <si>
    <t>Rossignoble</t>
  </si>
  <si>
    <t>Laura Rossignol, une jeune chanteuse américaine, est à Paris pour tourner le clip de sa dernière chanson : une déclaration d'amour à Ladybug et Chat Noir. Mais Laura se fait akumatiser par le Papillon. Devenue Rossignoble, et armée de son micro magique, elle veut se venger de Chloé et faire de Paris une gigantesque comédie musicale, en forçant les Parisiens à chanter et danser sans s’arrêter sous peine d’être figés à jamais. Pour l’arrêter, Ladybug et Chat Noir ne devront pas perdre le rythme !</t>
  </si>
  <si>
    <t>FR56614-HDTX</t>
  </si>
  <si>
    <t>Je ne suis pas un bébé, Licorne ! / Licorne au camping !</t>
  </si>
  <si>
    <t>Quand Licorne se vante à Alice d’être doué comme nounou, Alice décide de lui rendre la tâche difficile. / Alice et sa famille font un séjour en forêt sans technologie moderne, mais se perdent à cause de Licorne.</t>
  </si>
  <si>
    <t>FR63228-HDTX</t>
  </si>
  <si>
    <t>07:50:00</t>
  </si>
  <si>
    <t>Licorne champion de foot ! / Licorne aux fourneaux !</t>
  </si>
  <si>
    <t>Licorne joue au foot dans l’équipe d’Alice, mais son manque de talent nuit à tout le monde. Lorsqu’il est échangé dans une équipe rivale, il devient un adversaire redoutable ! / Lorsqu’un chef renommé donne des leçons privées à Alice et ses amis, tout le monde est emballé… mais Licorne se méprend sur le menu et croit qu’on veut le faire cuire !</t>
  </si>
  <si>
    <t>FR63231-HDTX</t>
  </si>
  <si>
    <t>Le Roi des abeilles / Opération Abeilles</t>
  </si>
  <si>
    <t>105</t>
  </si>
  <si>
    <t>Réalisateur: Sue Perrotto, Réalisateur: Dan Povenmire, Interprète: Bowling For SoupRéalisateur: Dan Povenmire, Interprète: Bowling For Soup</t>
  </si>
  <si>
    <t>Doofenschmirtz décide d’utiliser des phéromones d’abeille pour devenir le Roi des abeilles. / Quand elles découvrent la disparition de leurs abeilles, les Filles du Feu se transforment en abeilles grâce à une vieille invention de Phinéas et Ferb.</t>
  </si>
  <si>
    <t>FR54065-HDTX</t>
  </si>
  <si>
    <t>Duo d’élite</t>
  </si>
  <si>
    <t>106</t>
  </si>
  <si>
    <t>Réalisateur: Robert F Hughes, Réalisateur: Dan Povenmire, Réalisateur: Sue Perrotto, Interprète: Bowling For SoupRéalisateur: Dan Povenmire, Interprète: Bowling For Soup</t>
  </si>
  <si>
    <t>Doofenshmirtz participe à un programme d’échanges américano-canadien de plans diaboliques et Perry a pour mission de l’empêcher de s’emparer d’Albert l’Orignal Précieux, emblème du Canada.</t>
  </si>
  <si>
    <t>FR54066-HDTX</t>
  </si>
  <si>
    <t>Nœud pas déranger / Piège intergalactique</t>
  </si>
  <si>
    <t>107</t>
  </si>
  <si>
    <t>Réalisateur: Dan Povenmire, Réalisateur: Sue Perrotto, Réalisateur: Robert F Hughes, Interprète: Bowling For SoupRéalisateur: Dan Povenmire, Interprète: Bowling For Soup</t>
  </si>
  <si>
    <t>Phinéas, Ferb et leurs amis projettent de faire et défaire le nœud Gordien. Pendant ce temps, Candice tente de deviner ce que Jeremy cache dans son mini-coffre. / La bande de Phinéas et Ferb est d’accord pour échanger leurs enveloppes corporelles.</t>
  </si>
  <si>
    <t>FR54067-HDTX</t>
  </si>
  <si>
    <t>09:50:00</t>
  </si>
  <si>
    <t>10:40:00</t>
  </si>
  <si>
    <t>11:05:00</t>
  </si>
  <si>
    <t>11:30:00</t>
  </si>
  <si>
    <t>11:55:00</t>
  </si>
  <si>
    <t>13:10:00</t>
  </si>
  <si>
    <t>Befana</t>
  </si>
  <si>
    <t>Aujourd’hui c’est l’anniversaire de Marinette ! Pour l’occasion, ses amis et ses parents lui ont préparé une fête surprise. Mais une autre surprise l’attend : son extravagante grand-mère Gina a décidé de passer la journée avec elle ! Et lorsque Marinette préfère rejoindre ses amis plutôt que passer du temps avec elle, Gina, déçue, se fait akumatiser.Marinette arrivera-t-elle à échapper à Befana, et Ladybug osera-t-elle affronter sa propre grand-mère akumatisée ?</t>
  </si>
  <si>
    <t>FR32408-HDTX</t>
  </si>
  <si>
    <t>13:40:00</t>
  </si>
  <si>
    <t>14:10:00</t>
  </si>
  <si>
    <t>14:45:00</t>
  </si>
  <si>
    <t>15:25:00</t>
  </si>
  <si>
    <t>15:55:00</t>
  </si>
  <si>
    <t>Le copain de Gabriella / Bill fait des économies</t>
  </si>
  <si>
    <t>Quand la fille qui plaît à Cricket revient, Rémy l'aide à faire connaissance avec elle. / La famille veut aller à la fête foraine, mais Bill veut rester à la maison pour ne pas dépenser d'argent.</t>
  </si>
  <si>
    <t>FR215932-HDTX</t>
  </si>
  <si>
    <t>Attention au requin / Cricket marionnettiste</t>
  </si>
  <si>
    <t>La famille Green passe la journée à la plage et Cricket veut faire une blague aux baigneurs. Cricket arrive à s'immiscer dans les rêves des membres de sa famille et à les influencer, pour le pire.</t>
  </si>
  <si>
    <t>FR87811-HDTX</t>
  </si>
  <si>
    <t>Les Pyjamasques et le Tatou-héros/Tatouro’Tom et le Turbo-Labo</t>
  </si>
  <si>
    <t>Tatouro'Tom est bien décidé à faire partie de l'équipe des Pyjamasques, mais ses méthodes ne sont pas très subtiles et nos héros regrettent vite de l'avoir accepté dans leur patrouille de nuit. / Les Pyjamasques volent à la rescousse de Tatouro’Tom, qui vient de se faire capturer par Robot. Mais ils arrivent trop tard pour empêcher Roméo de transférer les pouvoirs du tatou à son turbo-labo ! Il leur faudra trouver un autre moyen que la force pour empêcher Roméo de devenir le maître du monde...</t>
  </si>
  <si>
    <t>FR43090-HDTX</t>
  </si>
  <si>
    <t>Bibou et les figurines de Roméo / Les Pyjamasques et le dragon</t>
  </si>
  <si>
    <t>49</t>
  </si>
  <si>
    <t>Amaya est très fière de la nouvelle figurine de Zoé Zap qu'elle a achetée, mais lorsque qu'elle la perd dans un moment d'inattention, la poupée tombe entre les mains de quelqu'un bien décidé à en faire mauvais usage. / Un gong très ancien est exposé au musée. Le maillet magique pouvant libérer son pouvoir sera livré dans la soirée. Les Pyjamasques veulent empêcher Ninjaka de le voler mais arrivent trop tard. Ninjaka, en frappant le gong, libère le dragon qui en est prisonnier et en devient le maître.</t>
  </si>
  <si>
    <t>FR43091-HDTX</t>
  </si>
  <si>
    <t>Jalousie</t>
  </si>
  <si>
    <t>Interprète: Will Buie, Interprète: Skai Jackson, Interprète: Karan Brar, Interprète: Raphael Alejandro, Interprète: Peyton List, Interprète: Mallory James Mahoney, Interprète: Miranda MayInterprète: Miranda May, Interprète: Will Buie, Interprète: Skai Jackson, Interprète: Karan Brar, Interprète: Raphael Alejandro, Interprète: Mallory James Mahoney, Interprète: Peyton List</t>
  </si>
  <si>
    <t>Zuri est jalouse de la relation qu'Emma a avec Destiny. Ravi aide Matteo à surmonter ses peurs grâce à l'hypnose, mais sa nouvelle confiance en lui pourrait être dangereuse.</t>
  </si>
  <si>
    <t>FR57024-HDTX</t>
  </si>
  <si>
    <t>La Grotte</t>
  </si>
  <si>
    <t>47</t>
  </si>
  <si>
    <t>Interprète: Will Buie, Interprète: Raphael Alejandro, Interprète: Karan Brar, Interprète: Peyton List, Interprète: Mallory James Mahoney, Interprète: Miranda May, Interprète: Skai JacksonInterprète: Miranda May, Interprète: Will Buie, Interprète: Skai Jackson, Interprète: Karan Brar, Interprète: Raphael Alejandro, Interprète: Mallory James Mahoney, Interprète: Peyton List</t>
  </si>
  <si>
    <t>Comme Matteo et Finn en ont assez d'être espionnés par Ravi, ce dernier décide d'utiliser un drone pour les surveiller.</t>
  </si>
  <si>
    <t>FR57025-HDTX</t>
  </si>
  <si>
    <t>Le voleur d'ami</t>
  </si>
  <si>
    <t>Fred a peur que Cooper lui vole son nouvel ami.</t>
  </si>
  <si>
    <t>FR58804-HDTX</t>
  </si>
  <si>
    <t>Dans la tête de Cami</t>
  </si>
  <si>
    <t>Cami perd confiance en elle quand Minty "entre" dans sa tête pendant un concours de tir à l'arc.</t>
  </si>
  <si>
    <t>FR58805-HDTX</t>
  </si>
  <si>
    <t>Episode 53</t>
  </si>
  <si>
    <t>Réalisateur: Lucas Gil, Réalisateur: Jorge Nisco, Réalisateur: Martin Saban, Interprète: Pablo Espinosa, Interprète: Simone Lijoi, Interprète: Mercedes Lambre, Interprète: Lodovica Comello, Interprète: Florencia Benitez, Interprète: Alba Rico, Interprète: Jorge Blanco, Interprète: Candelaria Molfese, Interprète: Diego Ramos, Interprète: Nicolas Garnier, Interprète: Martina Stoessel, Interprète: Clara Alonso, Interprète: Facundo Gambande, Interprète: Milagros Ceballos, Interprète: Iara Munoz, Interprète: Joaquin Mendez, Interprète: Damian Trabada, Interprète: Gonzalo Martinez, Interprète: Esther RamosRéalisateur: Lucas Gil, Réalisateur: Martin Saban, Réalisateur: Jorge Nisco, Interprète: Mercedes Lambre, Interprète: Lodovica Comello, Interprète: Florencia Benitez, Interprète: Alba Rico, Interprète: Martina Stoessel, Interprète: Diego Ramos, Interprète: Pablo Espinosa, Interprète: Simone Lijoi, Interprète: Clara Alonso, Interprète: Facundo Gambande, Interprète: Jorge Blanco, Interprète: Candelaria Molfese, Interprète: Nicolas Garnier, Interprète: Damian Trabada, Interprète: Joaquin Mendez, Interprète: Milagros Ceballos, Interprète: Iara Munoz, Interprète: Gonzalo Martinez, Interprète: Esther Ramos</t>
  </si>
  <si>
    <t>German est persuadé d'avoir entendu Violetta chanter lors du Gala de charité. Celle-ci, avec l'aide d'Angie, arrive à déjouer sa vigilance. German, encore sous le choc d'avoir eu l'impression d'entendre la voix de Maria, décide de partir quelques jours.</t>
  </si>
  <si>
    <t>43min</t>
  </si>
  <si>
    <t>FJ67389-TX</t>
  </si>
  <si>
    <t>12/11/2020</t>
  </si>
  <si>
    <t>jeudi</t>
  </si>
  <si>
    <t>Picsou, le hors-la-loi !</t>
  </si>
  <si>
    <t>Au Far West, Picsou et Goldie s'associent et deviennent des hors-la-loi. Ils montent un braquage dans l'espoir de sauver une petite ville d'un homme d'affaires corrompu : Crésus Flairsou.</t>
  </si>
  <si>
    <t>FR62630-HDTX</t>
  </si>
  <si>
    <t>La fièvre de l'or</t>
  </si>
  <si>
    <t>Les enfants doivent empêcher Picsou de sombrer dans l'obsession à cause de 87 cents qu'on lui aurait volés.</t>
  </si>
  <si>
    <t>FR62631-HDTX</t>
  </si>
  <si>
    <t>Elena D'Avalor S3 Ep 76</t>
  </si>
  <si>
    <t>76</t>
  </si>
  <si>
    <t>Elena D'Avalor S3 Ep 77</t>
  </si>
  <si>
    <t>77</t>
  </si>
  <si>
    <t>FR88075-HDTX</t>
  </si>
  <si>
    <t>Elena D'Avalor S3 Ep 78</t>
  </si>
  <si>
    <t>78</t>
  </si>
  <si>
    <t>FR87980-HDTX</t>
  </si>
  <si>
    <t>Go Gilbert Go / Le vengeur mystérieux</t>
  </si>
  <si>
    <t>La ville de Harmony accueille bientôt un grand tournoi de basketball, avec plusieurs matchs sur un ou deux jours. Problème : Gilbert qui est habituellement présent pour que les joueurs touchent sa tête en guise de porte-bonheur ne peut pas venir à cause d'une mission que lui ont confiée les Anciens. / Quand Val et les jumelles se moquent de Teepee en cours de sport, Sadie est furieuse et elle veut venger son ami en utilisant la magie. Mais Gilbert le lui interdit. Il raconte sa frustration à un nain de jardin qui s'avère être une créatue maléfique.</t>
  </si>
  <si>
    <t>FR61471-HDTX</t>
  </si>
  <si>
    <t>Cupcake Révolution / Tous au lit</t>
  </si>
  <si>
    <t>Sadie et ses amis préparent des tonnes de cupcakes ! Mais Sadie remarque alors qu'elle a perdu sa bague, les trois amis se mettent à détruire toutes leurs belles pâtisseries. Pourquoi n'utiliserait-elle pas le sort de duplication pour répliquer le dernier cupcake ? / Sadie est super fière : on lui a confié la garde de Luke, le petit frère de Sam. Mais Luke est un peu pénible et lorsqu'il se met à pleurer, ni Sadie ni aucun de ses amis ne sait comment s'y prendre pour le calmer. Gilbert, qui ne supporte pas les cris de l'enfant, pousse Sadie à utiliser un léger sort de sommeil.</t>
  </si>
  <si>
    <t>FR61472-HDTX</t>
  </si>
  <si>
    <t>Chanson à dormir debout</t>
  </si>
  <si>
    <t>Lydia cherche une nouvelle ambiance musicale insipide pour l'ascenseur de l'hôtel et Mavis a trouvé exactement ce qu'il faut: un air folklorique chanté par un Donald Quatre-quarts somnambule.</t>
  </si>
  <si>
    <t>FR75340-HDTX</t>
  </si>
  <si>
    <t>Bosse culinaire</t>
  </si>
  <si>
    <t>En perçant le secret d'une recette flambée de Quasimodo, Mavis et ses amis découvrent un autre secret tout à fait stupéfiant: le chef cuisinier de l'hôtel se cache depuis cinquante ans!</t>
  </si>
  <si>
    <t>FR75341-HDTX</t>
  </si>
  <si>
    <t>La vie d'outre-tombe des riches et célèbres</t>
  </si>
  <si>
    <t>Mavis offre un traitement haut de gamme à Frankenstein et Eunice pour leur quatre-vingt-dix-septième anniversaire de mariage. Mais alors qu'un somptueux dîner est prévu, Mavis égare le corps de Frank dont il ne reste plus que la tête.</t>
  </si>
  <si>
    <t>FR75342-HDTX</t>
  </si>
  <si>
    <t>Le chagrin de Lou</t>
  </si>
  <si>
    <t>Réalisateur: Bob Koherr, Interprète: Miranda May, Interprète: Nina Lu, Interprète: Skai Jackson, Interprète: Karan Brar, Interprète: Nathan Arenas, Interprète: Kevin Quinn, Interprète: Peyton List, Interprète: Casey CampbellInterprète: Miranda May, Interprète: Skai Jackson, Interprète: Nina Lu, Interprète: Nathan Arenas, Interprète: Karan Brar, Interprète: Kevin Quinn, Interprète: Peyton List</t>
  </si>
  <si>
    <t>Le camp se réunit après la mort du chien de Lou.</t>
  </si>
  <si>
    <t>FR29066-HDTX</t>
  </si>
  <si>
    <t>Entre chien et loup</t>
  </si>
  <si>
    <t>Réalisateur: Robbie Countryman, Interprète: Karan Brar, Interprète: Nathan Arenas, Interprète: Nate Stone, Interprète: Kevin Quinn, Interprète: Peyton List, Interprète: Miranda May, Interprète: Lincoln Melcher, Interprète: Nina Lu, Interprète: Skai JacksonInterprète: Miranda May, Interprète: Skai Jackson, Interprète: Nina Lu, Interprète: Nathan Arenas, Interprète: Karan Brar, Interprète: Kevin Quinn, Interprète: Peyton List</t>
  </si>
  <si>
    <t>Le nouveau chien de Lou dévaste la cabane des Marmottes.</t>
  </si>
  <si>
    <t>FR29067-HDTX</t>
  </si>
  <si>
    <t>Inséparables/ Livraison Express/ Allez paf</t>
  </si>
  <si>
    <t>Lola et son papa construisent une cabane mais cette dernière gênent les Guanos qui ne peuvent plus regarder la TV chez Lola. Paf va tout faire pour éviter que les Guanos sabotent la cabane.</t>
  </si>
  <si>
    <t>FR83011-HDTX</t>
  </si>
  <si>
    <t>La biosphère / Candiremy</t>
  </si>
  <si>
    <t>Réalisateur: Jay Lender, Réalisateur: Dan Povenmire, Interprète: Bowling For SoupRéalisateur: Dan Povenmire, Interprète: Bowling For Soup</t>
  </si>
  <si>
    <t>Phinéas et Ferb construisent une biosphère artificielle pour permettre à des scouts de gagner de nouveaux badges malgré la pluie. / Candice a promis à Stacy de passer une journée entre filles mais elle se retrouve collée à son petit-ami.</t>
  </si>
  <si>
    <t>FR54026-HDTX</t>
  </si>
  <si>
    <t>Les dents de Danville / La ferme lunaire</t>
  </si>
  <si>
    <t>Réalisateur: Dan Povenmire, Réalisateur: Jay Lender, Réalisateur: Robert F Hughes, Interprète: Bowling For SoupRéalisateur: Dan Povenmire, Interprète: Bowling For Soup</t>
  </si>
  <si>
    <t>Pour la fête du port de Danville, Phinéas et Ferb apportent et guident un gigantesque requin en ferraille afin de rendre la reconstitution historique plus fidèle. / Phinéas et Ferb vont sur la Lune pour créer les meilleures glaces qui soient.</t>
  </si>
  <si>
    <t>FR54027-HDTX</t>
  </si>
  <si>
    <t>Malédikteur</t>
  </si>
  <si>
    <t>Après s’être ridiculisée devant toute la classe, Chloé demande à son père de la venger. Mais Mr. Bourgeois a beau être le maire de Paris, ses pouvoirs ont quand même des limites. Déçue, Chloé le menace alors de partir vivre à New York avec sa mère.Paniqué et désemparé, Mr. Bourgeois se fait akumatiser par le Papillon et devient Malédikteur. Désormais doté d’un pouvoir absolu, il veut réaliser tous les rêves de sa fille Mais quand Chat Noir tombe aux prises de Malédikteur, Marinette / Ladybug n’a d’autre choix que de faire appel à Queen Bee, alias Chloé !</t>
  </si>
  <si>
    <t>FR32422-HDTX</t>
  </si>
  <si>
    <t>Le marchand de sable</t>
  </si>
  <si>
    <t>Parcourant la ville sur son nuage magique, le Marchand de Sable donne vie aux mauvais rêves de tous ceux qu’il croise, y compris Marinette et Adrien. Marinette se retrouve alors poursuivie par une vision cauchemardesque d’un Adrien amoureux de Chloé, tandis que le vrai Adrien, lui, se fait emprisonner dans sa chambre !Tikki et Plagg passent la nuit avec les autres kwamis, Marinette et Adrien ne peuvent pas se transformer en Ladybug et Chat Noir pour aller affronter l’énigmatique Marchand de Sable… Parviendront-ils à retrouver Tikki et Plagg à temps pour faire cesser ce cauchemar?</t>
  </si>
  <si>
    <t>FR32423-HDTX</t>
  </si>
  <si>
    <t>Les Green sans défaut / Les Billets de Cricket</t>
  </si>
  <si>
    <t>Lors d'une visite chez Big Tech, Tilly découvre un moyen d'améliorer sa famille chaotique. Cricket gagne des billets pour un spectacle et doit s'il décide y emmener Tilly ou Rémy.</t>
  </si>
  <si>
    <t>FR70950-HDTX</t>
  </si>
  <si>
    <t>Bill est accro / Côté sauvage</t>
  </si>
  <si>
    <t>Bill devient accro à un jeu vidéo de simulation de ferme. Le côté sauvage de Cricket prend le dessus lorsque Bill refuse de l'emmener camper.</t>
  </si>
  <si>
    <t>FR70942-HDTX</t>
  </si>
  <si>
    <t>Antibug</t>
  </si>
  <si>
    <t>Chloé, très grande admiratrice de Ladybug, essaie d’aider cette dernière à capturer l’akuma d’un méchant. Mais Ladybug refuse d’écouter ses conseils et le méchant s’échappe. Ladybug et Chat Noir finissent par l’arrêter, mais une dispute éclate entre Ladybug et Chloé, furieuse d’avoir été snobée par son idole.Déçue, Chloé est alors akumatisée en Antibug, un double maléfique de Ladybug ayant les mêmes pouvoirs qu’elle. Et Antibug compte bien faire payer Ladybug pour l’humiliation qu’elle lui a fait subir.</t>
  </si>
  <si>
    <t>PG19210-TX</t>
  </si>
  <si>
    <t>Elena D'Avalor S3 Ep 74</t>
  </si>
  <si>
    <t>74</t>
  </si>
  <si>
    <t>FR71272-HDTX</t>
  </si>
  <si>
    <t>Gluglu et le Ninjartiste/Les Pyjamasques et le Roméomanège</t>
  </si>
  <si>
    <t>50</t>
  </si>
  <si>
    <t>Ninjaka a volé les œuvres d'art du musée et compte faire sa propre exposition d'oeuvres engluées. Entre-temps, les Pyjamasques, trompés par Ninjaka, se sont séparés et doivent réunir leurs forces pour vaincre le méchant. / Roméo a transféré l’énergie du Q.G. des Pyjamasques dans son labo, ce qui prive nos héros de leurs pouvoirs. Mais les pyja-pouvoirs s’échappent en petites bulles, qui vont flotter au-dessus de la fête foraine. Chacun compte tirer parti des jeux et attractions de la foire pour essayer d’attraper les bulles...</t>
  </si>
  <si>
    <t>FR43092-HDTX</t>
  </si>
  <si>
    <t>Gluglu et le Contrario-Laser/Les Pyjamasques contre la bande des méchants</t>
  </si>
  <si>
    <t>Grâce à sa nouvelle invention, Roméo transforme Yoyo et Bibou en super-méchants, pour les mettre à son service. Seul Gluglu échappe au redoutable rayon – mais il lui faudra ruser pour renverser la situation… / Les Pyjamasques accusent Tatouro’Tom d'avoir voler la Méga Pierre de Lune et refusent de croire que c'était pour empêcher Sorceline de la voler. Mais il se trouve que Sorceline, Ninjaka et Roméo ont uni leurs forces pour parvenir à leurs fins grâce à la fameuse Méga Pierre de Lune. Les Pyjamasques se retrouvent bien seuls, face à cette équipe renforcée...</t>
  </si>
  <si>
    <t>FR43093-HDTX</t>
  </si>
  <si>
    <t>Insupportables portables</t>
  </si>
  <si>
    <t>Interprète: Karan Brar, Interprète: Raphael Alejandro, Interprète: Mallory James Mahoney, Interprète: Peyton List, Interprète: Miranda May, Interprète: Will Buie, Interprète: Skai JacksonInterprète: Miranda May, Interprète: Will Buie, Interprète: Skai Jackson, Interprète: Karan Brar, Interprète: Raphael Alejandro, Interprète: Mallory James Mahoney, Interprète: Peyton List</t>
  </si>
  <si>
    <t>Emma décide de rendre leur téléphone à tout le monde pour fédérer les campeurs à travers leurs échanges de photos.</t>
  </si>
  <si>
    <t>FR57026-HDTX</t>
  </si>
  <si>
    <t>Le festival du Homard</t>
  </si>
  <si>
    <t>Interprète: Karan Brar, Interprète: Raphael Alejandro, Interprète: Peyton List, Interprète: Mallory James Mahoney, Interprète: Miranda May, Interprète: Will Buie, Interprète: Skai JacksonInterprète: Miranda May, Interprète: Will Buie, Interprète: Skai Jackson, Interprète: Karan Brar, Interprète: Raphael Alejandro, Interprète: Mallory James Mahoney, Interprète: Peyton List</t>
  </si>
  <si>
    <t>Le Festival du Homard de Kikiwaka arrive et les enfants Ross sont bien décidés à en faire le meilleur des festivals. Malheureusement, tout va de travers et se termine en désastre.</t>
  </si>
  <si>
    <t>FR57027-HDTX</t>
  </si>
  <si>
    <t>Tous les coups sont permis</t>
  </si>
  <si>
    <t>Coop et Cami apprennent qu'il ne reste plus qu'une place pour le club de théâtre, et ils se disputent pour savoir qui l'obtiendra.</t>
  </si>
  <si>
    <t>FR58806-HDTX</t>
  </si>
  <si>
    <t>L'audition</t>
  </si>
  <si>
    <t>Cami et Delaware auditionnent pour l'équipe de danse, mais quand Cami découvre que Delaware fait une grimace quand elle danse, elle craint qu'elles ne soient pas acceptées dans l'équipe.</t>
  </si>
  <si>
    <t>FR58807-HDTX</t>
  </si>
  <si>
    <t>Episode 54</t>
  </si>
  <si>
    <t>Réalisateur: Lucas Gil, Réalisateur: Jorge Nisco, Réalisateur: Martin Saban, Interprète: Florencia Benitez, Interprète: Alba Rico, Interprète: Martina Stoessel, Interprète: Jorge Blanco, Interprète: Candelaria Molfese, Interprète: Diego Ramos, Interprète: Nicolas Garnier, Interprète: Clara Alonso, Interprète: Facundo Gambande, Interprète: Pablo Espinosa, Interprète: Simone Lijoi, Interprète: Mercedes Lambre, Interprète: Lodovica Comello, Interprète: Joaquin Mendez, Interprète: Milagros Ceballos, Interprète: Damian Trabada, Interprète: Gonzalo Martinez, Interprète: Esther Ramos, Interprète: Iara MunozRéalisateur: Lucas Gil, Réalisateur: Martin Saban, Réalisateur: Jorge Nisco, Interprète: Mercedes Lambre, Interprète: Lodovica Comello, Interprète: Florencia Benitez, Interprète: Alba Rico, Interprète: Martina Stoessel, Interprète: Diego Ramos, Interprète: Pablo Espinosa, Interprète: Simone Lijoi, Interprète: Clara Alonso, Interprète: Facundo Gambande, Interprète: Jorge Blanco, Interprète: Candelaria Molfese, Interprète: Nicolas Garnier, Interprète: Damian Trabada, Interprète: Joaquin Mendez, Interprète: Milagros Ceballos, Interprète: Iara Munoz, Interprète: Gonzalo Martinez, Interprète: Esther Ramos</t>
  </si>
  <si>
    <t>Violetta ne veut pas partir en voyage avec son père. Elle s'oppose à German qui accepte qu'elle reste seule dans la maison. Elle sera toutefois entourée de Ramallo, Angie et Jade.</t>
  </si>
  <si>
    <t>FJ67390-TX</t>
  </si>
  <si>
    <t>13/11/2020</t>
  </si>
  <si>
    <t>vendredi</t>
  </si>
  <si>
    <t>La lance dorée !</t>
  </si>
  <si>
    <t>Della reconstruit son vaisseau, mais Pénombre est convaincue qu'elle prépare une attaque. De son côté, Donald essaie de se reposer mais doit toujours partir à l'aventure.</t>
  </si>
  <si>
    <t>FR62632-HDTX</t>
  </si>
  <si>
    <t>Rien n'arrête Della Duck !</t>
  </si>
  <si>
    <t>Della a affronté tous les dangers de la Lune pour être réunie avec sa famille, mais parviendra-t-elle à surmonter le grand défi qui l'attend ?</t>
  </si>
  <si>
    <t>FR62633-HDTX</t>
  </si>
  <si>
    <t>Elena D'Avalor S3 Ep 79</t>
  </si>
  <si>
    <t>FR71277-HDTX</t>
  </si>
  <si>
    <t>Le Joyau de Maru</t>
  </si>
  <si>
    <t>Le jour de Día de los Muertos, Elena tente d’empêcher Victor et Carla de voler un puissant joyau maruvien.</t>
  </si>
  <si>
    <t>FR54795-HDTX</t>
  </si>
  <si>
    <t>Rivalité royale</t>
  </si>
  <si>
    <t>Réalisateur: Robb Pratt, Réalisateur: Nathan ChewRéalisateur: Robb Pratt</t>
  </si>
  <si>
    <t>Alors qu'elle tente de créer des liens avec un royaume voisin, Elena se découvre un esprit de compétition lorsqu'elle est mise au défi par une autre princesse.</t>
  </si>
  <si>
    <t>FR54796-HDTX</t>
  </si>
  <si>
    <t>Manuel d'arnaques avancées / La montre monstrueuse</t>
  </si>
  <si>
    <t>Sadie et Blaine se battent pour un grimoire qui finit par s'ouvrir. Surprise ! Le grimoire parle ! Ce que Sadie et Blaine ignorent, c'est qu'un magicien particulièrement pénible est emprisonné dans ce livre et que celui-ci est utilisé aujourd'hui par les mentors des jeunes apprentis sorciers pour punir leurs élèves trop impulsifs. / Un jour, Teepee n'arrive pas à ouvrir son casier et Sadie utilise la magie pour l'aider. Malheureusement, Teepee constate que la précieuse montre de son grand-père a disparu. Sadie se dit qu'elle a dû l'envoyer par mégarde dans le Labyrinthe.</t>
  </si>
  <si>
    <t>FR61473-HDTX</t>
  </si>
  <si>
    <t>Meilleures amies pour la vie / Echange de monstres</t>
  </si>
  <si>
    <t>Lors de l'audition pour le nouveau clip de Whatev, Val se moque de la performance de Sadie. La jeune fille lui lance un sort d'amitié pour la rendre plus sympa. Mais Val devient particulièrement exclusive avec Sadie et un écart se creuse entre Sadie et Lulu. / En rapportant un objet magique dans le Labyrinthe, Sadie remarque que le gardien n'a pas l'air dans son assiette. Elle ne peut s'empêcher de lui parler et de l'encourager à prendre un peu de temps pour profiter de la vie. Malheureusement, son petit discours a eu un profond impact sur le monstre qui débarque alors chez Sadie.</t>
  </si>
  <si>
    <t>FR81069-HDTX</t>
  </si>
  <si>
    <t>Gardien des monstres</t>
  </si>
  <si>
    <t>Les louveteaux sèment la pagaille et Tante Lydia charge Klaus de s'occuper de ces petites bêtes infernales. Klaus remplit si bien sa tâche que Lydia lui demande de surveiller Mavis et ses amis!</t>
  </si>
  <si>
    <t>FR75361-HDTX</t>
  </si>
  <si>
    <t>Bienvenue au parc des humains</t>
  </si>
  <si>
    <t>Réalisateur: Robin Budd</t>
  </si>
  <si>
    <t>Mavis et ses amis aimeraient mourir de peur. Le docteur Gillman leur apprend qu'il a créé une attraction effrayante, mais qui n'est pas tout à fait au point. Nos amis voudront-ils l'essayer ?</t>
  </si>
  <si>
    <t>FR75343-HDTX</t>
  </si>
  <si>
    <t>Télé terreur</t>
  </si>
  <si>
    <t>Mavis et ses amis regarde la soirée spéciale Halloween de Hôtel Pennsylvanie, leur série télé préférée. Pedro ensorcelle accidentellement la télécommande et Mavis se retrouve dans le téléviseur !</t>
  </si>
  <si>
    <t>FR75344-HDTX</t>
  </si>
  <si>
    <t>Inverso</t>
  </si>
  <si>
    <t>Marc est un élève au collège très doué pour l’écriture. Son rêve serait d’écrire une bande-dessinée avec Nathaniel, dont il admire les talents de dessinateur, mais il est bien trop timide pour oser lui parler. Suite à un malentendu Marc est convaincu que Marinette lui a menti. Déçu et humilié, il se fait akumatiser par le Papillon et devient Inverso.Parcourant Paris sur son avion de papier géant, il inverse les caractères de tous ceux qui se trouvent sur son chemin !Ladybug et Chat Noir parviendront-ils à inverser le cours des choses ? Et Marinette arrivera-t-elle à rétablir la vérité ?</t>
  </si>
  <si>
    <t>FR32420-HDTX</t>
  </si>
  <si>
    <t>Pirodor, le retour !</t>
  </si>
  <si>
    <t>Interprète: Miranda May, Interprète: Nina Lu, Interprète: Skai Jackson, Interprète: Karan Brar, Interprète: Nathan Arenas, Interprète: Kevin Quinn, Interprète: Peyton ListInterprète: Miranda May, Interprète: Skai Jackson, Interprète: Nina Lu, Interprète: Nathan Arenas, Interprète: Karan Brar, Interprète: Kevin Quinn, Interprète: Peyton List</t>
  </si>
  <si>
    <t>Quand la mère de Tiffany vient lui rendre visite, Tiffany et les marmottes essaient de lui faire croire que le camp Kikiwaka est un camp de vacances pour génies.</t>
  </si>
  <si>
    <t>FR29070-HDTX</t>
  </si>
  <si>
    <t>Compétition pas très amicale</t>
  </si>
  <si>
    <t>Interprète: Peyton List, Interprète: Kevin Quinn, Interprète: Miranda May, Interprète: Skai Jackson, Interprète: Nina Lu, Interprète: Nathan Arenas, Interprète: Karan BrarInterprète: Miranda May, Interprète: Skai Jackson, Interprète: Nina Lu, Interprète: Nathan Arenas, Interprète: Karan Brar, Interprète: Kevin Quinn, Interprète: Peyton List</t>
  </si>
  <si>
    <t>Les Marmottes, les Grizzlis et les Fouines concourrent pour le titre annuel de "Cabane de l'année".</t>
  </si>
  <si>
    <t>FR34102-HDTX</t>
  </si>
  <si>
    <t>Guanozilla/ Le Jouet Préféré/ Le Potager</t>
  </si>
  <si>
    <t>Lola retrouve un vieux cheval à bascule qui contient des termites. Alors qu'elle va chercher du produit avec son père, Paf va devoir protéger le cheval fragile de Capuche mais surtout des Guanos, attirés par les délicieuses termites.</t>
  </si>
  <si>
    <t>FR83012-HDTX</t>
  </si>
  <si>
    <t>Le Phinéas clip'orama</t>
  </si>
  <si>
    <t>Réalisateur: Dan Povenmire, Réalisateur: Jay Lender, Interprète: Bowling For SoupRéalisateur: Dan Povenmire, Interprète: Bowling For Soup</t>
  </si>
  <si>
    <t>Pour fêter l’anniversaire de Phinéas, Irving demande à Baljeet, Isabella et Buford de l’aider à réaliser un vidéo-clip dédié à Phinéas. Candice en profite pour accumuler des preuves pour démasquer ses frères...</t>
  </si>
  <si>
    <t>FR54028-HDTX</t>
  </si>
  <si>
    <t>La clé diabolique / Un ornithorynque peut en cacher un autre</t>
  </si>
  <si>
    <t>Phinéas et Ferb fabriquent un super ordinateur pour que celui-ci trouve ce qui enchanterait leur mère. / Le Major Monogramm envoie un ornithorynque sauvage affronter Doofensmirtz à la place de Perry.</t>
  </si>
  <si>
    <t>FR54029-HDTX</t>
  </si>
  <si>
    <t>Le jour des Héros - Partie 1</t>
  </si>
  <si>
    <t>C’est le Jour des Héros à Paris, et chacun doit préparer une bonne action pour les autres. Mais Marinette n’a pas eu le temps de s’occuper de la sienne. De peur de décevoir ses amis en leur annonçant qu’elle n’a rien préparé, Marinette leur ment et se retrouve rapidement dépassée par son propre mensonge.Mais son cauchemar ne fait que commencer. En effet, de son côté, le Papillon akumatise son assistante Nathalie en Catalyste, une super vilaine qui lui permettra de mettre en action le plan qu’il prépare depuis si longtemps… un plan censé lui permettre de vaincre enfin Ladybug et Chat Noir…</t>
  </si>
  <si>
    <t>FR32424-HDTX</t>
  </si>
  <si>
    <t>Le jour des Héros - Partie 2</t>
  </si>
  <si>
    <t>Le Papillon, devenu Papillon Ecarlate grâce à Catalyste, a enfin mis à exécution son terrible plan en réakumatisant tous ses anciens vilains !Pour les affronter, Ladybug et Chat Noir se retrouvent à la tête d’une équipe de super héros composée de Rena Rouge, Queen Bee et Carapace. Mais les héros ne sont pas habitués à travailler ensemble et se rendent rapidement compte qu’ils manquent d’entraînement. Très vite, ils se retrouvent dans une situation extrêmement difficile et sont sur le point de se faire vaincre par Papillon Ecarlate…</t>
  </si>
  <si>
    <t>FR32425-HDTX</t>
  </si>
  <si>
    <t>L’imposteur</t>
  </si>
  <si>
    <t>Catastrophe ! Marinette a laissé par erreur un message sur le répondeur d’Adrien dans lequel elle lui avoue ses sentiments. Il faut absolument qu’elle retrouve le téléphone d’Adrien avant lui pour effacer le message compromettant.Prise dans sa course contre la montre, elle ne peut pas assister à l’inauguration d’une statue de Ladybug et Chat Noir créée par Théo Camiel. Chat Noir profite de son absence pour faire croire à Théo, amoureux de notre héroïne, qu’il y a plus que de l’amitié entre Ladybug et lui. Déçu et jaloux, Théo est akumatisé par Le Papillon.</t>
  </si>
  <si>
    <t>PG19189-TX</t>
  </si>
  <si>
    <t>Chronogirl</t>
  </si>
  <si>
    <t>Les camarades de classe d’Alix cassent, sans le faire exprès, une montre d’une valeur inestimable offerte par son père. Furieuse, elle est akumatisée par Le Papillon et devient Timebreaker. Armée de ses rollers, elle compte utiliser l’énergie de ses camarades en les faisant disparaître pour pouvoir remonter dans le temps et sauver sa montre. En essayant de l’arrêter, Ladybug retourne dans le passé avec elle.Aidée de Chat Noir et de son double du passé, elle doit neutraliser Timebreaker. Mais la tâche n’est pas aisée, car Timebreaker s’est elle aussi dédoublée !</t>
  </si>
  <si>
    <t>PG19190-TX</t>
  </si>
  <si>
    <t>LÉNA, RÊVE D'ÉTOILE</t>
  </si>
  <si>
    <t>L'Élu</t>
  </si>
  <si>
    <t>Réalisateur: Robert Burke, Réalisateur: Ronan Burke, Interprète: Eubha Akilade, Interprète: Jake Swift, Interprète: Terique Jarrett, Interprète: Castle Rock, Interprète: Jessica LordInterprète: Terique Jarrett, Interprète: Castle Rock, Interprète: Jessica Lord, Interprète: Eubha Akilade, Interprète: Jake Swift</t>
  </si>
  <si>
    <t>Aujourd’hui, c’est le 18ème anniversaire des Héritiers – ce qui veut dire que l’Élu sera révélé et que le Bureau viendra le chercher. Les Héritiers auront peut-être une chance de vaincre le Bureau, mais comme Nico s’y trouve toujours, personne ne sait de quel côté il est. Après avoir appris la terrible nouvelle de leur disqualification des auditions, les élèves de Première Division, bien que dévastés, dansent pour Armando et Gabrielle afin de les remercier de tout ce qu’ils ont fait pour eux. Ils livrent une superbe interprétation, à la fin de laquelle ils sont tous kidnappés, sauf Léna.</t>
  </si>
  <si>
    <t>FR87039-HDTX</t>
  </si>
  <si>
    <t>Lever de rideau</t>
  </si>
  <si>
    <t>Réalisateur: Ronan Burke, Réalisateur: Robert Burke, Interprète: Castle Rock, Interprète: Eubha Akilade, Interprète: Jessica Lord, Interprète: Jake Swift, Interprète: Terique JarrettInterprète: Terique Jarrett, Interprète: Castle Rock, Interprète: Jessica Lord, Interprète: Eubha Akilade, Interprète: Jake Swift</t>
  </si>
  <si>
    <t>Il est temps de découvrir ce que sont devenus Léna et ses amis, 6 mois après avoir terminé leurs études. L’ancien Bureau a fini par être démantelé, et Léna en a pris la tête. Henri, Frank et Nico travaillant avec elle, l’organisation est désormais entre de bonnes mains. C’est la soirée d’ouverture pour la Compagnie, et Léna, Inès et Isaac s’y produisent. Chacun s’apprête à être témoin d’un événement historique. Jeff est le seul absent du groupe, pris par son émission de hip-hop à Los Angeles. De lors côté, Romy et Simon ont été acceptés à l’École de danse de l’Opéra national de Paris.</t>
  </si>
  <si>
    <t>FR87040-HDTX</t>
  </si>
  <si>
    <t>L'initiation</t>
  </si>
  <si>
    <t>Interprète: Miranda May, Interprète: Skai Jackson, Interprète: Will Buie, Interprète: Karan Brar, Interprète: Raphael Alejandro, Interprète: Mallory James Mahoney, Interprète: Peyton ListInterprète: Miranda May, Interprète: Will Buie, Interprète: Skai Jackson, Interprète: Karan Brar, Interprète: Raphael Alejandro, Interprète: Mallory James Mahoney, Interprète: Peyton List</t>
  </si>
  <si>
    <t>Matteo et Finn ont découvert des ossements qu'ils attribuent à une nouvelle espèce. Ils essaient de piéger la créature.</t>
  </si>
  <si>
    <t>FR57028-HDTX</t>
  </si>
  <si>
    <t>La fête de Lou</t>
  </si>
  <si>
    <t>Interprète: Mallory James Mahoney, Interprète: Peyton List, Interprète: Miranda May, Interprète: Skai Jackson, Interprète: Will Buie, Interprète: Karan Brar, Interprète: Raphael AlejandroInterprète: Miranda May, Interprète: Will Buie, Interprète: Skai Jackson, Interprète: Karan Brar, Interprète: Raphael Alejandro, Interprète: Mallory James Mahoney, Interprète: Peyton List</t>
  </si>
  <si>
    <t>Finn, Matteo et Destiny réparent un vieux camion pour les dix ans de Lou au camp Kikiwaka. Emma, Ravi et Zuri lui préparent une fête suprise.</t>
  </si>
  <si>
    <t>FR57029-HDTX</t>
  </si>
  <si>
    <t>Episode 55</t>
  </si>
  <si>
    <t>Réalisateur: Jorge Nisco, Réalisateur: Lucas Gil, Réalisateur: Martin Saban, Interprète: Pablo Espinosa, Interprète: Simone Lijoi, Interprète: Clara Alonso, Interprète: Facundo Gambande, Interprète: Jorge Blanco, Interprète: Candelaria Molfese, Interprète: Diego Ramos, Interprète: Nicolas Garnier, Interprète: Mercedes Lambre, Interprète: Lodovica Comello, Interprète: Florencia Benitez, Interprète: Alba Rico, Interprète: Martina Stoessel, Interprète: Joaquin Mendez, Interprète: Milagros Ceballos, Interprète: Iara Munoz, Interprète: Esther Ramos, Interprète: Damian Trabada, Interprète: Gonzalo MartinezRéalisateur: Lucas Gil, Réalisateur: Martin Saban, Réalisateur: Jorge Nisco, Interprète: Mercedes Lambre, Interprète: Lodovica Comello, Interprète: Florencia Benitez, Interprète: Alba Rico, Interprète: Martina Stoessel, Interprète: Diego Ramos, Interprète: Pablo Espinosa, Interprète: Simone Lijoi, Interprète: Clara Alonso, Interprète: Facundo Gambande, Interprète: Jorge Blanco, Interprète: Candelaria Molfese, Interprète: Nicolas Garnier, Interprète: Damian Trabada, Interprète: Joaquin Mendez, Interprète: Milagros Ceballos, Interprète: Iara Munoz, Interprète: Gonzalo Martinez, Interprète: Esther Ramos</t>
  </si>
  <si>
    <t>Violetta et Tomas, enfermés dans la réserve, se promettent d'être amis. Jade et Matias lisent le faux rapport du détective concocté par Pablo, ce qui sauve Angie de leurs persécutions pour un moment. La révolte gronde et les élèves organisent un festival.</t>
  </si>
  <si>
    <t>FJ67391-TX</t>
  </si>
  <si>
    <t>60 min</t>
  </si>
  <si>
    <t>90min</t>
  </si>
  <si>
    <t>DJFR</t>
  </si>
  <si>
    <t>LA MAISON DE MICKEY</t>
  </si>
  <si>
    <t>Dingo Baby Sitter</t>
  </si>
  <si>
    <t>96</t>
  </si>
  <si>
    <t>La machine à voyager dans le temps du professeur Von Drake change accidentellement toute l'équipe en bébés !</t>
  </si>
  <si>
    <t>2005</t>
  </si>
  <si>
    <t>FR31321-HDTX</t>
  </si>
  <si>
    <t>06:30:00</t>
  </si>
  <si>
    <t>Daisy perd ses moutons</t>
  </si>
  <si>
    <t>Réalisateur: Rob LaDuca, Interprète: They Might Be GiantsRéalisateur: Rob LaDuca, Interprète: They Might Be Giants</t>
  </si>
  <si>
    <t>Daisy a perdu les 10 moutons qu'on lui avait confiés.</t>
  </si>
  <si>
    <t>FR30244-HDTX</t>
  </si>
  <si>
    <t>GIGANTOSAURUS</t>
  </si>
  <si>
    <t>Au revoir, Giganto ! Partie 1 / Au revoir, Giganto ! Partie 2</t>
  </si>
  <si>
    <t>Réalisateur: Olivier LelardouxRéalisateur: Olivier Lelardoux</t>
  </si>
  <si>
    <t>Une énorme météorite bouche le cratère du Mont de l’Oubli. Le volcan risque de connaître la pire de ses éruptions ! Tous les dinosaures doivent migrer vers une terre plus sûre. Mazu, Tiny, Rocky et Bill doivent n’emporter avec eux que leur objet favori, et voyager léger. Mais ils ne vont pas se rendre sans combattre ! / Le temps a passé, et Giganto n’est pas revenu. Termy est devenue la reine de Crétacia, et impose ses cours de zumba à tout le monde. Les raptors font ce qu’ils veulent, et Rugo est triste sans son grand copain. Mais nos héros se sont organisés...</t>
  </si>
  <si>
    <t>FR65956-HDTX</t>
  </si>
  <si>
    <t>07:30:00</t>
  </si>
  <si>
    <t>T.O.T.S.</t>
  </si>
  <si>
    <t>T.O.T.S. S1 Ep 16</t>
  </si>
  <si>
    <t>Pipou le pingouin et Freddy le flamant rose sont livreurs débutants chez T.O.T.S, les Transports par Oiseaux de Tout-petitS, où ils sont chargés de livrés d'adorables bébés animaux à leurs parents.</t>
  </si>
  <si>
    <t>FR72091-HDTX</t>
  </si>
  <si>
    <t>08:00:00</t>
  </si>
  <si>
    <t>BLUEY</t>
  </si>
  <si>
    <t>Bluey S1 Ep 8</t>
  </si>
  <si>
    <t>Réalisateur: Richard Jeffery, Réalisateur: Joe BrummRéalisateur: Richard Jeffery, Réalisateur: Joe Brumm</t>
  </si>
  <si>
    <t>Bluey est une petite chienne bouvier australien âgée de six ans et elle est inépuisable. Elle adore jouer et transforme la vie de famille en une aventure quotidienne en y mettant toute son imagination, son intelligence et sa ténacité physique et mentale.</t>
  </si>
  <si>
    <t>Australie</t>
  </si>
  <si>
    <t>FR79429-HDTX</t>
  </si>
  <si>
    <t>08:10:00</t>
  </si>
  <si>
    <t>Bluey S1 Ep 9</t>
  </si>
  <si>
    <t>Réalisateur: Joe Brumm, Réalisateur: Richard JefferyRéalisateur: Richard Jeffery, Réalisateur: Joe Brumm</t>
  </si>
  <si>
    <t>FR79430-HDTX</t>
  </si>
  <si>
    <t>Bluey S1 Ep 10</t>
  </si>
  <si>
    <t>FR79380-HDTX</t>
  </si>
  <si>
    <t>08:30:00</t>
  </si>
  <si>
    <t>Bluey S1 Ep 11</t>
  </si>
  <si>
    <t>FR79381-HDTX</t>
  </si>
  <si>
    <t>08:40:00</t>
  </si>
  <si>
    <t>Bluey S1 Ep 12</t>
  </si>
  <si>
    <t>FR79382-HDTX</t>
  </si>
  <si>
    <t>Les Pirates / La Disparition / Les Voisins</t>
  </si>
  <si>
    <t>Bluey et Bingo jouent aux pirates sur le hamac. Le jouet préféré de Bingo disparaît. Bluey ne sait pas comment gérer ses voisins bruyants.</t>
  </si>
  <si>
    <t>FR79386-HDTX</t>
  </si>
  <si>
    <t>09:00:00</t>
  </si>
  <si>
    <t>LES AVENTURES DE MICKEY ET SES AMIS</t>
  </si>
  <si>
    <t>Le Dingosaure / Les bénévoles à la maison du thé</t>
  </si>
  <si>
    <t>La visite de Tokyo tourne mal quand Dingo libère par accident un robot dinosaure dans les rues de la ville. Minnie emmène ses amies à participer à la traditionnelle cérémonie du thé Japonaise.</t>
  </si>
  <si>
    <t>FR82284-HDTX</t>
  </si>
  <si>
    <t>09:30:00</t>
  </si>
  <si>
    <t>La course safari-photo / Ici, chaton, chaton, chaton !</t>
  </si>
  <si>
    <t>Mickey et ses amis transforment leurs voitures en leurs animaux préférés pour une course safari-photo dans le parc. Lazlo, le chat du commandant Braque, s'enfuit et les Bénévoles viennent aider pour le retrouver.</t>
  </si>
  <si>
    <t>FR87786-HDTX</t>
  </si>
  <si>
    <t>10:00:00</t>
  </si>
  <si>
    <t>FANCY NANCY CLANCY</t>
  </si>
  <si>
    <t>Fancy Nancy Clancy S2 Ep 31</t>
  </si>
  <si>
    <t>Nancy Clancy, avec le soutien de sa famille et de ses amis, découvre tout ce que le quotidien ordinaire a d'extraordinaire et transforme le banal en expérience exquise !</t>
  </si>
  <si>
    <t>FR85852-HDTX</t>
  </si>
  <si>
    <t>10:30:00</t>
  </si>
  <si>
    <t>Mickey Mouse Mixed-Up Adventures</t>
  </si>
  <si>
    <t>Hot-dog! Mélangez-vous avec Mickey et tous ses amis dans sa nouvelle maison à Hot Dog Hills. Mickey, Donald, Dingo, Minnie, Daisy, Pluton et Chip 'n Dale ont de nouvelles surprises en magasin!</t>
  </si>
  <si>
    <t>FR82289-HDTX</t>
  </si>
  <si>
    <t>LA MAISON DE MICKEY - LE MAGICIEN D'IZZ</t>
  </si>
  <si>
    <t>Réalisateur: Rob LaDuca</t>
  </si>
  <si>
    <t>Alors que Mickey prépare la grande fête de l’amitié, une tornade emmène Minnie et Pluto au Pays d’Izz. Pour rentrer chez eux, ils vont avoir besoin de l’aide du merveilleux magicien d’Izz.</t>
  </si>
  <si>
    <t>2011</t>
  </si>
  <si>
    <t>51min</t>
  </si>
  <si>
    <t>FR31350-HDTX</t>
  </si>
  <si>
    <t>12:00:00</t>
  </si>
  <si>
    <t>Livraison pour un papa / JP, le livreur débutant</t>
  </si>
  <si>
    <t>FR72096-HDTX</t>
  </si>
  <si>
    <t>12:30:00</t>
  </si>
  <si>
    <t>T.O.T.S. S1 Ep 25</t>
  </si>
  <si>
    <t>FR72101-HDTX</t>
  </si>
  <si>
    <t>Livraison sous surveillance / L'oiseau chanteur</t>
  </si>
  <si>
    <t>Pipou et Freddy doivent impressionner le Capitaine Becman lorsqu'elle les accompagne pour une livraison. Quand Mimi, l'oiseau-moqueur, se met à chanter une berceuse tout le monde s'endort chez T.O.T.S.</t>
  </si>
  <si>
    <t>FR72097-HDTX</t>
  </si>
  <si>
    <t>Le livreur le plus rapide / Meilleurs amis pour la vie</t>
  </si>
  <si>
    <t>Pipou et Freddy expliquent à Ava qu'une livraison réussie n'est pas qu'une question de vitesse. Mia et son amie Chloé n'arrivent pas à se quitter. Les livreurs débutants leur montrent comment garder le contact !</t>
  </si>
  <si>
    <t>FR72099-HDTX</t>
  </si>
  <si>
    <t>T.O.T.S. S1 Ep 19</t>
  </si>
  <si>
    <t>FR72094-HDTX</t>
  </si>
  <si>
    <t>14:30:00</t>
  </si>
  <si>
    <t>T.O.T.S. S1 Ep 18</t>
  </si>
  <si>
    <t>FR72093-HDTX</t>
  </si>
  <si>
    <t>VAMPIRINA</t>
  </si>
  <si>
    <t>Les Nouveaux Voisins / L’Auberge à cauchemars</t>
  </si>
  <si>
    <t>Vampirina, qui vient d’emménager en Pennsylvanie avec ses parents, est impatiente de se faire des amis. / Les parents de Vampirina ouvrent une auberge à cauchemars, mais attribuent par erreur la même chambre, la même nuit, à des personnes différentes !</t>
  </si>
  <si>
    <t>FR34583-HDTX</t>
  </si>
  <si>
    <t>Soirée Pyjama / Premier jour d'école</t>
  </si>
  <si>
    <t>Réalisateur: Jonmark Marten, Réalisateur: Nicky Phelan</t>
  </si>
  <si>
    <t>Vampirina invite ses nouvelles amies humaines à venir faire une soirée pyjama chez elle. Elle dissimule tous les objets qui pourraient paraître effrayants pour des humains. / C'est la rentrée pour Vampirina et elle fait une crise de chauve-sourite au moment de la photo de classe.</t>
  </si>
  <si>
    <t>FR34584-HDTX</t>
  </si>
  <si>
    <t>16:00:00</t>
  </si>
  <si>
    <t>Bluey S1 Ep 18</t>
  </si>
  <si>
    <t>FR79388-HDTX</t>
  </si>
  <si>
    <t>La Pince</t>
  </si>
  <si>
    <t>Bluey et Bingo n'ayant pu attraper des lots de la machine à Pince Magique, Papa et Maman créent leur propre version à la maison. Mais avec Papa, il n'est pas facile de gagner !</t>
  </si>
  <si>
    <t>FR79389-HDTX</t>
  </si>
  <si>
    <t>16:20:00</t>
  </si>
  <si>
    <t>La Piscine</t>
  </si>
  <si>
    <t>En préparant leurs affaires pour aller à la psicine, Bluey et Papa se moquent de Maman car ils la trouvent excessive dans son organisation. Mais en arrivant à la piscine, ils réalisent qu'elle avait raison, puisqu'ils ont oublié beaucoup d'objets importants.</t>
  </si>
  <si>
    <t>FR83647-HDTX</t>
  </si>
  <si>
    <t>16:30:00</t>
  </si>
  <si>
    <t>FR82288-HDTX</t>
  </si>
  <si>
    <t>17:00:00</t>
  </si>
  <si>
    <t>Fancy Nancy Clancy S2 Ep 27</t>
  </si>
  <si>
    <t>FR82112-HDTX</t>
  </si>
  <si>
    <t>17:30:00</t>
  </si>
  <si>
    <t>LA MAISON DE MICKEY: CAPITAINE MICKEY ET LES PIRATES</t>
  </si>
  <si>
    <t>Réalisateur: Donovan Cook</t>
  </si>
  <si>
    <t>Mickey et ses amis aident le grand-père de Dingo, le capitaine Barbe-Dingo à retrouver son trésor.</t>
  </si>
  <si>
    <t>Special</t>
  </si>
  <si>
    <t>FR31524-HDTX</t>
  </si>
  <si>
    <t>18:30:00</t>
  </si>
  <si>
    <t>LA GARDE DU ROI LION</t>
  </si>
  <si>
    <t>Le fantôme de la montagne</t>
  </si>
  <si>
    <t>62</t>
  </si>
  <si>
    <t>La Garde du Roi Lion doit protéger un groupe de pandas roux du fantôme de la montagne. Ils prétendent que Bunga est l'élu.</t>
  </si>
  <si>
    <t>FR63863-HDTX</t>
  </si>
  <si>
    <t>PRINCESSE SOFIA</t>
  </si>
  <si>
    <t>Minimus a grandi</t>
  </si>
  <si>
    <t>Réalisateur: Jamie MitchellRéalisateur: Jamie Mitchell</t>
  </si>
  <si>
    <t>Les Starwings, troupe de célèbres chevaux volants, se produisent à Enchancia. À cette occasion, Minimus veut prouver à ses parents, vedettes du spectacle, qu'il est un grand voltigeur.</t>
  </si>
  <si>
    <t>FR30969-HDTX</t>
  </si>
  <si>
    <t>19:30:00</t>
  </si>
  <si>
    <t>La fête des mères</t>
  </si>
  <si>
    <t>Réalisateur: Larry Leichliter, Réalisateur: Jamie Mitchell</t>
  </si>
  <si>
    <t>Alors que Sofia est désespérée de devoir partager sa maman avec Ambre et James pour leur pique-nique annuel de la fête des mères, Lucinda la gentille sorcière est de sortie avec sa maman pour jeter des mauvais sorts.</t>
  </si>
  <si>
    <t>2014</t>
  </si>
  <si>
    <t>FR30616-HDTX</t>
  </si>
  <si>
    <t>Bibou et le train Supertonique / Yoyo et les nuages</t>
  </si>
  <si>
    <t>Réalisateur: Merle-Anne Ridley, Réalisateur: Christian De VitaRéalisateur: Merle-Anne Ridley</t>
  </si>
  <si>
    <t>Le train supersonique de la fête foraine a disparu ! Les Pyjamasques enquêtent et découvrent que c'est Roméo qui l'a volé. Bibou va devoir apprendre à se montrer patiente afin qu'elle et ses co-équipiers parviennent à mener leur mission à bien. / Alors qu'il fait beau et que les enfants jouent sous les jets d'eau, l'eau s'arrête soudainement de couler et de mystérieux nuages sortent des tuyaux d'arrosage, obligeant les enfants à arrêter leur jeu. Les Pyjamasques vont devoir affronter Sorceline, et Yoyo sa peur de l'eau pour que les choses rentrent dans l'ordre.</t>
  </si>
  <si>
    <t>Computer-Animation</t>
  </si>
  <si>
    <t>FR30353-HDTX</t>
  </si>
  <si>
    <t>20:30:00</t>
  </si>
  <si>
    <t>Bibou et l'Attaque Eclair / Yoyo et le Bulldo-Sauteur</t>
  </si>
  <si>
    <t>Il est arrivé quelque chose d'étrange à la bibliothèque : les livres ne sont plus remplis d'histoires mais de photos de Roméo.Les Pyjamasques vont tout faire pour déjouer le plan de ce dernier... / Le musée vient de réouvrir après des travaux. Il y a une nouvelle salle d'exposition dédiée aux sciences. Mais le mur de cette salle est déjà fissuré. Les enfants se doutent bien que c'est Roméo qui est derrière tout ça. Ce dernier veut en effet voler le propulseur qui est exposé et s'en servir pour devenir le maître du monde...</t>
  </si>
  <si>
    <t>FR30354-HDTX</t>
  </si>
  <si>
    <t>Gluglu et les super Ninjazouaves / Bibou et le dinosaure</t>
  </si>
  <si>
    <t>Le matériel de sport a disparu...nos trois héros vont bientôt s'apercevoir que Ninjaka l'a volé pour entraîner ses Ninjazouaves. / Un ptérodactyle géant a disparu!</t>
  </si>
  <si>
    <t>FR30355-HDTX</t>
  </si>
  <si>
    <t>Le jour le plus court / Mazu est toujours prête</t>
  </si>
  <si>
    <t>C’est le jour le plus court. Rocky, Mazu, et Bill font la tête : c’est nul ! Moins de lumière, moins de fun, moins de jeux ! Alors Tiny prend sur elle et leur montre que c'est un jour merveilleux. Et elle invite tout Crétacia (même Giganto, oui oui !) à une grande fête au Glacier. / Pendant que Mazu essaye par tous les moyens de se préparer à voir sa comète, tout le monde dans Crétacia semble avoir besoin de son aide… Même Giganto ! Est-ce qu’elle arrivera à temps pour observer la comète ? C’est maintenant à son tour d’avoir besoin d’aide !</t>
  </si>
  <si>
    <t>FR65955-HDTX</t>
  </si>
  <si>
    <t>22:30:00</t>
  </si>
  <si>
    <t>Mazu tente sa chance / L'oeuf perdu</t>
  </si>
  <si>
    <t>Afin de sauver une libellule des mains des raptors, Mazu doit leur apporter une écaille de Gigantosaurus. Elle trouve plein de stratagèmes ingénieux pour prendre une écaille sur le dos de la bête, mais toutes ses tentatives échouent, et causent plus de catastrophes qu’autre chose. / Rocky trouve un œuf perdu. Aucun intérêt pour lui, mais ses amis veulent retrouver ses parents. Bon, Rocky prend les choses en main ; plus vite cet œuf aura retrouvé sa famille, plus vite ils pourront retourner jouer. Mais attention, lui c’est un dur de dur, les petits œufs, c’est pas pour lui .</t>
  </si>
  <si>
    <t>FR65938-HDTX</t>
  </si>
  <si>
    <t>Il faut sauver Ayati / La crevasse</t>
  </si>
  <si>
    <t>Mazu demande à Ayati, la vieille brachiosaure, de se tenir en équilibre sur deux pattes et de courber sa tête et sa queue. Ça fait un grand huit, et les enfants s’éclatent dessus ! Mais Ayati se casse la figure et ne peut plus se relever... / C’est l’heure du bain dans les geysers, mais Bill a peur de tout. Il n’a qu’une envie : rentrer ! Quand un tremblement de pierre se déclenche, il ne se fait pas prier, et il embarque ses amis pour rentrer vite chez eux. Manque de pot, la terre s’est ouverte et une crevasse est apparue sur le chemin du retour .</t>
  </si>
  <si>
    <t>FR72444-HDTX</t>
  </si>
  <si>
    <t>23:30:00</t>
  </si>
  <si>
    <t>LES NUITS DE Disney Junior France</t>
  </si>
  <si>
    <t>Une surprise pour Minnie</t>
  </si>
  <si>
    <t>Réalisateur: Rob LaDuca, Réalisateur: Sherie Pollack, Interprète: They Might Be GiantsRéalisateur: Rob LaDuca, Interprète: They Might Be Giants</t>
  </si>
  <si>
    <t>Mickey a oublié que c'était la Saint-Valentin.</t>
  </si>
  <si>
    <t>FR30221-HDTX</t>
  </si>
  <si>
    <t>L'Oiseau de Dingo</t>
  </si>
  <si>
    <t>Dingo a trouvé dans la forêt un nid avec un œuf à l'intérieur.</t>
  </si>
  <si>
    <t>FR30222-HDTX</t>
  </si>
  <si>
    <t>T.O.T.S. S1 Ep 17</t>
  </si>
  <si>
    <t>FR84282-HDTX</t>
  </si>
  <si>
    <t>Bluey S1 Ep 24</t>
  </si>
  <si>
    <t>FR79395-HDTX</t>
  </si>
  <si>
    <t>Taxi</t>
  </si>
  <si>
    <t>Il pleut et Bluey joue au taxi à l'intérieur. Son premier client (Papa) est un homme d'affaires pressé qui veut aller à l'aéroport sans tarder. Bingo lui promet d'y arriver sans retard mais prend en charge un second passager, une dame fortunée (Bingo) et sa fille Millicent (Floppy). Pendant que SATVAV (Maman) les balade de rond-point en rond-point Millicent vomit partout et le taxi tombe en panne. Papa décide de se rendre à pied à l'aéroport. Il arrive juste à temps pour embarquer et découvre que la dame du taxi est aussi passagère et que le pilote n'est autre que Bluey !</t>
  </si>
  <si>
    <t>FR79396-HDTX</t>
  </si>
  <si>
    <t>La Plage</t>
  </si>
  <si>
    <t>A la plage, Maman part se promener au bord de l'eau, et Bluey tente de la rattraper. En chemin, elle fait toute une série de rencontres qui la stimulent et la mettent à l'épreuve dans cette toute première aventure en solitaire.</t>
  </si>
  <si>
    <t>FR79397-HDTX</t>
  </si>
  <si>
    <t>Bluey S1 Ep 28</t>
  </si>
  <si>
    <t>FR79399-HDTX</t>
  </si>
  <si>
    <t>Bluey S1 Ep 31</t>
  </si>
  <si>
    <t>FR79403-HDTX</t>
  </si>
  <si>
    <t>Le Trampoline</t>
  </si>
  <si>
    <t>Papa est un champion du trampoline mais quand il doit aller travailler, Bluey et Bingo veulent qu'il continue à jouer avec elles et refusent de le laisser partir. Elle l'obligent à se restaurer et inventent un jeu "petit-déjeuner". Il doit manger des toasts, des œufs et doit aussi avaler un horrible smoothie. Mais, les meilleures choses ont une fin et Papa, avant de partir, confie le soin à une Bluey au bord des larmes d'inventer ses propres jeux.</t>
  </si>
  <si>
    <t>FR79405-HDTX</t>
  </si>
  <si>
    <t>Le labo méli-mélo de Mickey / Concours de Bénévoles</t>
  </si>
  <si>
    <t>Après les manipulations de Tic et Tac sur le labo mobile de Mickey, tous les pilotes se retrouvent avec des bolides plutôt farfelus. Nettoyer les vitres devient l'objet d'une compétition acharnée entre Minnie et Daisy.</t>
  </si>
  <si>
    <t>FR82270-HDTX</t>
  </si>
  <si>
    <t>La course amusante de Thanksgiving ! / Les joyeux bénévoles de Thanksgiving !</t>
  </si>
  <si>
    <t>Les bolides de Mickey et ses amis se transforment pour la course de Thanksgiving ! Minnie, Daisy et Coucou-Loulou invitent tous leurs amis pour Thanksgiving !</t>
  </si>
  <si>
    <t>FR82274-HDTX</t>
  </si>
  <si>
    <t>DOCTEUR LA PELUCHE : L’HÔPITAL DES JOUETS</t>
  </si>
  <si>
    <t>Le premier bain de Sissi / Un patient impatient</t>
  </si>
  <si>
    <t>99</t>
  </si>
  <si>
    <t>Réalisateur: Jean Herlihy, Réalisateur: Dan NosellaRéalisateur: Dan Nosella</t>
  </si>
  <si>
    <t>Sissi, le doudou de Maya, est couverte de boue : elle doit prendre son premier bain ! / Après être tombé sur la tête, le Méchant Roi mène la vie dure au personnel de l'hôpital.</t>
  </si>
  <si>
    <t>FR31291-HDTX</t>
  </si>
  <si>
    <t>À secouer avec précaution / Hallie perd sa voix</t>
  </si>
  <si>
    <t>100</t>
  </si>
  <si>
    <t>Doc aide un jouet qui vit dans une boule à neige géante. / Hallie fatigue tellement sa voix qu'elle s'enroue le jour où elle est censée chanter à un match.</t>
  </si>
  <si>
    <t>FR31293-HDTX</t>
  </si>
  <si>
    <t>Le diagnostic / La première de Katie Karaoké</t>
  </si>
  <si>
    <t>101</t>
  </si>
  <si>
    <t>Réalisateur: Brónagh O'Hanlon, Réalisateur: Dan NosellaRéalisateur: Dan Nosella</t>
  </si>
  <si>
    <t>Les étudiants en médecine apprennent à établir un diagnostic. / Les jouets s'occupent de Katie Karaoké, une poupée qui chante.</t>
  </si>
  <si>
    <t>FR31295-HDTX</t>
  </si>
  <si>
    <t>Rosine passe la nuit aux urgences / Partenaires Royaux</t>
  </si>
  <si>
    <t>102</t>
  </si>
  <si>
    <t>Réalisateur: Dan Nosella, Réalisateur: Damien O'ConnorRéalisateur: Dan Nosella</t>
  </si>
  <si>
    <t>Son ventre-tirelire s'étant fissuré, Rosine Centime doit passer la nuit à l'hôpital. / Pendant une exploration des terres royales, Sire Kirby décide de faire cavalier seul.</t>
  </si>
  <si>
    <t>FR31297-HDTX</t>
  </si>
  <si>
    <t>Un anniversaire rebondissant / Un animal à l'hôpital</t>
  </si>
  <si>
    <t>103</t>
  </si>
  <si>
    <t>Tous les jouets vont à la fête d'anniversaire de Bobby et découvrent qu'il vit dans un château gonflable ! / Hazel a peur de rester à l'hôpital et Toufy fait entrer Gribulle en cachette pour la réconforter.</t>
  </si>
  <si>
    <t>FR31299-HDTX</t>
  </si>
  <si>
    <t>Le Discours du Maire / Le Monstre du Lac</t>
  </si>
  <si>
    <t>104</t>
  </si>
  <si>
    <t>Réalisateur: Damien O'Connor, Réalisateur: Dan NosellaRéalisateur: Dan Nosella</t>
  </si>
  <si>
    <t>Au milieu d'un discours, le bec du Maire se bloque, l'empêchant de parler ! / Ayant appris la présence d'un monstre dans le Lac de la Baignoire, Doc décide de mener l'enquête.</t>
  </si>
  <si>
    <t>FR31301-HDTX</t>
  </si>
  <si>
    <t>La Fête Surprise / Duel de Danse</t>
  </si>
  <si>
    <t>Réalisateur: Nicky Phelan, Réalisateur: Norton Virgien</t>
  </si>
  <si>
    <t>Vampirina convie ses amis à une fête pleine de surprises terrifiantes. En apprenant une danse, sans le vouloir, elle va lancer une mode et se mesurer à un danseur légendaire de Transylvanie.</t>
  </si>
  <si>
    <t>FR63542-HDTX</t>
  </si>
  <si>
    <t>Un problème épineux / Mais où est la momie ?</t>
  </si>
  <si>
    <t>Edna participe au "Concours de la Main Verte" mais plante accidentellement les plantes mordeuses monstrueuses d'Oxana. Vampirina fait une sortie scolaire au Muséum d'Histoire Naturelle et rencontre un vieil ami de la famille.</t>
  </si>
  <si>
    <t>FR34586-HDTX</t>
  </si>
  <si>
    <t>Bluey S1 Ep 35</t>
  </si>
  <si>
    <t>FR79407-HDTX</t>
  </si>
  <si>
    <t>Bluey S1 Ep 36</t>
  </si>
  <si>
    <t>FR79408-HDTX</t>
  </si>
  <si>
    <t>Bluey S1 Ep 39</t>
  </si>
  <si>
    <t>FR79411-HDTX</t>
  </si>
  <si>
    <t>Un marais mystérieux</t>
  </si>
  <si>
    <t>Quand Makini suit des mystérieuses lumières bleues, elle et Ono se retrouvent pris au piège dans une caverne.</t>
  </si>
  <si>
    <t>FR63865-HDTX</t>
  </si>
  <si>
    <t>Les Otariens</t>
  </si>
  <si>
    <t>Réalisateur: Mircea Mantta, Réalisateur: Jamie MitchellRéalisateur: Jamie Mitchell</t>
  </si>
  <si>
    <t>Ambre et Sofia espionnent leur entourage et se trompent sur ce qu'elles croient voir.</t>
  </si>
  <si>
    <t>FR30970-HDTX</t>
  </si>
  <si>
    <t>Le Festin enchanté</t>
  </si>
  <si>
    <t>Sofia a un mauvais pressentiment depuis l’arrivée de Sacha l’ensorceleuse qu’elle suspecte de se faire passer pour ce qu’elle n’est pas. Elle ne tardera pas à découvrir que c’est en réalité mademoiselle Ortie qui s’est déguisée dans le but de mettre la main sur l’Amulette d’Avalor. Blanche Neige apparaît pour expliquer à Sofia qu’elle doit toujours se fier à son instinct.</t>
  </si>
  <si>
    <t>FR30613-HDTX</t>
  </si>
  <si>
    <t>Yoyo et le canon rétrécisseur / Bibou et le ballon-lune</t>
  </si>
  <si>
    <t>Sacha est content, il est enfin assez grand pour utiliser les jeux des grands ! Mais en arrivant au parc, lui et ses amis ont une mauvaise surprise : les jeux sont devenus minuscules. Dans la ville aussi, les choses se mettent mystérieusement à rétrécir...Les Pyjamasques vont essayer de découvrir qui se cache derrière tout ça... / Alors que les enfants jouent au football, un énorme ballon apparaît et aspire tous les jouets sur son passage. Les Pyjamasques vont devoir unir leurs forces pour déjouer le plan de Sorceline.</t>
  </si>
  <si>
    <t>FR30356-HDTX</t>
  </si>
  <si>
    <t>Yoyo et le bataillon des papillons / Bibou, la championne</t>
  </si>
  <si>
    <t>6</t>
  </si>
  <si>
    <t>Sacha aimerait aller voir les lions et les tigres, mais Greg et Amaya l'entraînent malgré lui voir les papillons. Arrivés sur place, ils découvrent que les papillons ont disparu. C'est Sorceline qui les a tous enlevés pour remplacer ses Papi-nuits qui ne lui donnaient plus satisfaction. Les Pyjamasques doivent retrouver Sorceline et ramener les papillons chez eux ! / Les enfants font une partie de basket, mais le sifflet de Cameron disparaît. Les Pyjamasques ne vont pas tarder à découvrir que Sorceline est derrière tout ça!</t>
  </si>
  <si>
    <t>FR30358-HDTX</t>
  </si>
  <si>
    <t>Exprime-toi, Gluglu ! / Yoyo et l'épée de Maître Fang</t>
  </si>
  <si>
    <t>Lorsqu'il doit réciter un poème devant toute sa classe, Greg est très embarrassé et se trompe dans sa récitation. L'instituteur lui propose de retenter l'exercice le lendemain. Mais plus tard dans la journée, une boîte à voix aspire la voix de Greg. Ses compères et lui se lancent à la poursuite de Roméo, l'inventeur de cette terrible boîte à voix. / Sacha est fan de l'émission de Maître Fang, le maître du Kung Fu ! Mais l'épée de ce dernier a disparu ; il ne peut donc plus faire son émission. Sacha est très énervé… Qui a bien pu voler l'épée de Maître Fang ?</t>
  </si>
  <si>
    <t>FR30359-HDTX</t>
  </si>
  <si>
    <t>L'île / Cave ou pas cave ?</t>
  </si>
  <si>
    <t>Bill a peur de plein de choses, mais pas de l’eau ; il sait très bien nager. Quand les enfants passent la nuit au bord du lac, et que son nénuphar glisse sur l’eau pour se retrouver au beau milieu, il ne panique pas. Rocky oui, par contre ! Eh oui, le dur de dur a la trouille de l’eau et ne sait pas nager. C’est donc au tour de Bill de rassurer et protéger son copain. / Ignatius raconte que dans la Grotte qui Hurle vit le « hurlosaure », un terrible dino gigantesque au rugissement épouvantable. La grotte n’est pas un endroit pour les petits dinos !</t>
  </si>
  <si>
    <t>FR65957-HDTX</t>
  </si>
  <si>
    <t>L'épreuve du Tricératops ! / Tremblement de pierres</t>
  </si>
  <si>
    <t>Troy annonce à Tiny, sa petite sœur, qu’elle va passer l’Epreuve du Tricératops : prouver qu’elle est capable de déraciner et lancer un arbre, de déstabiliser un autre tricératops avec ses cornes, et de marteler le sol si fort qu’elle en fait trembler la jungle. Tiny est pleine de bonne volonté, mais elle ne peut pas s’empêcher de tout faire à sa sauce. / Quand Rocky se blesse en tentant de battre un record, il refuse l’aide de ses amis. Quand un tremblement de pierre se déclenche, il se précipite vers sa source pour y mettre fin, au mépris de son pied endolori.</t>
  </si>
  <si>
    <t>FR65958-HDTX</t>
  </si>
  <si>
    <t>Air Archie / L'imitateur</t>
  </si>
  <si>
    <t>Archie l’archéoptéryx ne sait pas voler. Il aimerait tant ! Il demande à Mazu de l’aider et elle accepte. Bricolages à base d’ailes en nénuphars géants, musculation… Archie passe par toutes les possibilités pour améliorer ses ailes et son vol. Rien n’y fait ! / Rocky est le fan n°1 de Giganto. Il l’observe pour essayer d’être comme lui. Mais quand Marshall, le jeune stégosaure, se met à suivre Rocky partout pour faire comme lui, ça énerve Rocky. Il ne se rend pas compte que Marshall l’admire, comme Rocky admire Giganto !</t>
  </si>
  <si>
    <t>FR65959-HDTX</t>
  </si>
  <si>
    <t>Le plus grand des héros / Un éclair de génie</t>
  </si>
  <si>
    <t>Rocky est jaloux : Tiny a sauvé leur repaire d’un gros rocher roulant, et maintenant c’est l’héroïne de la jungle ! Il n’arrive pas à trouver quelqu’un dont être le héros, quelqu’un qui lui confierait une noble tâche ou juste une petite tâche à effectuer pour aider. / Le jour des grands vents, Mazu arrive toujours la dernière pour déguster les noix qui tombent des noyers géants. Par contre, elle en a dans le crâne, et elle travaille sur plusieurs systèmes pour aller plus vite : échasses, ressorts, coaching de ses amis. Mais rien n’y fait. Elle va encore être la dernière,</t>
  </si>
  <si>
    <t>FR65960-HDTX</t>
  </si>
  <si>
    <t>La course de ballon de Donald</t>
  </si>
  <si>
    <t>Aujourd'hui c'est la Grande Course en Ballons.</t>
  </si>
  <si>
    <t>FR30223-HDTX</t>
  </si>
  <si>
    <t>La balle de Pluto</t>
  </si>
  <si>
    <t>Mickey et Pluto s'amusent avec la balle rebondissante de Pluto.</t>
  </si>
  <si>
    <t>FR30224-HDTX</t>
  </si>
  <si>
    <t>Cache-cache</t>
  </si>
  <si>
    <t>Toute la famille joue à cache-cache. C'est à Bluey de chercher, elle compte jusqu'à vingt mais pourra-t'elle rester concentrée sur le jeu et ne pas se laisser distraire par tous ses jouets ?</t>
  </si>
  <si>
    <t>FR79415-HDTX</t>
  </si>
  <si>
    <t>07:10:00</t>
  </si>
  <si>
    <t>Bluey S1 Ep 47</t>
  </si>
  <si>
    <t>FR79420-HDTX</t>
  </si>
  <si>
    <t>07:20:00</t>
  </si>
  <si>
    <t>Bluey S1 Ep 49</t>
  </si>
  <si>
    <t>FR79422-HDTX</t>
  </si>
  <si>
    <t>Bluey S1 Ep 50</t>
  </si>
  <si>
    <t>FR79424-HDTX</t>
  </si>
  <si>
    <t>07:40:00</t>
  </si>
  <si>
    <t>Le Xylophone Magique</t>
  </si>
  <si>
    <t>Bluey et Bingo retrouvent un xylophone magique qui a le pouvoir de pétrifier les gens. Elles s'en servent aux dépens de Papa, le figeant dans des positions drôles mais peu flatteuses. Bluey, grisée par ce pouvoir, ne veut pas prêter le xylophone à Bingo malgré les injonctions de Maman. Papa, profitant du conflit entre ses filles, réussit à s'emparer du xylophone et paralyse Bluey dont le seul espoir de libération dépend de Bingo. Les fillettes finissent par s'entendre et collaborent pour récupérer le xylophone magique au grand dam de Papa qui se retrouve à leur merci.</t>
  </si>
  <si>
    <t>FR79379-HDTX</t>
  </si>
  <si>
    <t>Le Week-end / Le Barbecue / La Chauve-souris Frugivore</t>
  </si>
  <si>
    <t>Bingo s'énerve lorsque son père ne remarque pas la sauterelle qui marche dans le jardin. Bingo prépare la meilleure salade au monde. Bluey rêve d'être une chauve-souris frugivore nocturne.</t>
  </si>
  <si>
    <t>FR79390-HDTX</t>
  </si>
  <si>
    <t>Bibou et les Bibou-zouaves / Gluglu rejette la faute</t>
  </si>
  <si>
    <t>Cette fois, Ninjaka est allé trop loin : ses Ninjazouaves en ont assez de lui, et sont prêts à changer de camp pour travailler pour Bibou ! Mais ces nouveaux acolytes risquent bien de mettre Bibou dans le pétrin si notre héroïne n'apprend pas à être une bonne meneuse d'équipe. / Cameron prête une petite voiture à Greg, mais notre héros n'en prend pas suffisamment soin et finit par la perdre. Les choses se corsent encore quand l'objet réapparaît la nuit... entre les mains de Sorceline ! Refusant de reconnaître ses torts, Gluglu persiste dans une erreur qui pourrait bien lui coûter la victoire.</t>
  </si>
  <si>
    <t>FR30374-HDTX</t>
  </si>
  <si>
    <t>La montagne mystérieuse / Les Pyjamasques et le Pyja-prisonnier</t>
  </si>
  <si>
    <t>Les Pyjamasques découvrent que Ninjaka a volé le parchemin qui mène à "l'Anneau de Ninjaptitude". Cet anneau, caché dans la montagne mystérieuse, lui donnerait d'énormes pouvoirs ! Une course-poursuite s'engage vers la montagne et ses nombreux pièges : les Pyjamasques parviendront-ils à couper la route à Ninjaka?/ Toujours en quête du précieux "anneau de Ninjaptitude", Ninjaka et ses Ninjazouaves kidnappent Pyja-Robot ! Pour récupérer leur précieux ami, les pyjamasques devront braver les dangers le la montagne à la place de Ninjaka et lui rapporter l'anneau.</t>
  </si>
  <si>
    <t>FR43080-HDTX</t>
  </si>
  <si>
    <t>Retour aux sources / Incident mécanique</t>
  </si>
  <si>
    <t>Pipou et Freddy livrent un bébé pingouin dans la région d'origine de Pipou. Quand Pipou et Freddy cassent l'une des machines de TOTS, ils sont déterminés à la réparer tous seuls</t>
  </si>
  <si>
    <t>FR72108-HDTX</t>
  </si>
  <si>
    <t>Doudou perdu / Creuse toujours</t>
  </si>
  <si>
    <t>Mia perd son doudou, donc Pipou et Freddy partent à sa recherche dans une aventure mouvementée. Mais arriveront-ils à temps ? / Les livreurs voient leur mission compromise quand le chiot qu'ils doivent livrer se met à creuser et à enterrer un tas de choses.</t>
  </si>
  <si>
    <t>FR72085-HDTX</t>
  </si>
  <si>
    <t>LE MONDE DE BINGO ET ROLLY</t>
  </si>
  <si>
    <t>Le Burger à Roulettes / L'île aux orques</t>
  </si>
  <si>
    <t>Réalisateur: Bill Breneisen, Réalisateur: Scott Bern</t>
  </si>
  <si>
    <t>Les chiots cherchent le camion-restaurant préféré de Bob mais Cupcake et Rufus ne sont pas de cet avis. / Bob et les chiots échouent sur une île déserte.</t>
  </si>
  <si>
    <t>FR61669-HDTX</t>
  </si>
  <si>
    <t>Cherchez l'os! / La chaussette voyageuse</t>
  </si>
  <si>
    <t>Réalisateur: Bill Breneisen, Réalisateur: Stephanie Arnett</t>
  </si>
  <si>
    <t>Les chiots cherchent l'os de dinosaure de Bonnie avec l'aide d'un drôle d'oiseau. / Les chiots aident Bob à retrouver ses chaussettes de golf avant le tournoi.</t>
  </si>
  <si>
    <t>FR61670-HDTX</t>
  </si>
  <si>
    <t>Un Père Noël pour Bob / Monsieur Brrr</t>
  </si>
  <si>
    <t>Réalisateur: Stephanie Arnett, Réalisateur: Bill Breneisen</t>
  </si>
  <si>
    <t>Quand la batterie de R.A.F. tombe à plat, les chiots et leurs amis partent à sa rescousse.</t>
  </si>
  <si>
    <t>FR61667-HDTX</t>
  </si>
  <si>
    <t>Bibou et la mauvaise graine / Gluglu l'escargot</t>
  </si>
  <si>
    <t>Réalisateur: Merle-Anne RidleyRéalisateur: Merle-Anne Ridley</t>
  </si>
  <si>
    <t>Sorceline se sert de son rayon lunaire pour créer une fleur de lune géante. Lorsque celle-ci viendra à éclore, elle dispersera des graines à travers toute la ville, recouvrant l'endroit de mauvaises herbes ! Refusant de reconnaître son ignorance en matière de botanique, Bibou joue involontairement le jeu de Sorceline, et la menace se rapproche... / Gluglu va devoir apprendre à ne pas se laisser distraire pour empêcher Roméo de conquérir la Terre à l'aide d'un rayon ralentisseur qui fait aller tout le monde à la vitesse d'un escargot !</t>
  </si>
  <si>
    <t>FR30375-HDTX</t>
  </si>
  <si>
    <t>Yoyo et le dôme lunaire / Gluglu et la pierre surpuissante</t>
  </si>
  <si>
    <t>Sorceline abat un dôme géant sur le QG des Pyjamasques, emprisonnant ces derniers dans leur repaire. Elle profite d'avoir le champ libre pour voler tous les objets de la fête de l'école, histoire d'être la seule à danser et à s'amuser ! / Ninjaka menace de détruire la ville avec une "pierre de toute puissance" : celui qui parvient à fendre en deux cet énorme rocher prouvera qu'il est le plus fort de tous ! Les Pyjamasques doivent contrer les plans de Ninjaka, mais malheureusement Gluglu est un peu trop occupé à essayer de broyer le rocher en premier pour prouver que c'est lui, le plus fort...</t>
  </si>
  <si>
    <t>FR30376-HDTX</t>
  </si>
  <si>
    <t>Maxi Gluglu / Bibou prend de la hauteur</t>
  </si>
  <si>
    <t>Gluglu se retrouve accidentellement agrandi en taille maxi tandis que Sorceline essaie de voler les chars du carnaval. Notre héros tente de stopper la méchante, mais fait maxi bourde sur maxi bourde ! Gluglu va devoir apprendre à réparer ses bêtises pour éviter que Sorceline ne devienne la reine du défilé. / Ninjaka vole des avions au salon aéronautique pour prouver qu'il est le plus grand pilote de tous les temps. Bibou échoue une première fois à arrêter le méchant, un échec qui lui fait perdre confiance... Notre héroïne va devoir croire à nouveau en elle pour sauver la mise aux Pyjamasques.</t>
  </si>
  <si>
    <t>FR30377-HDTX</t>
  </si>
  <si>
    <t>Le Café parfait / Mademoiselle Maman</t>
  </si>
  <si>
    <t>Réalisateur: Krista TuckerRéalisateur: Krista Tucker</t>
  </si>
  <si>
    <t>Tout allait bien pour le nouveau restaurant de Nancy et Bree jusqu'à ce que Grace veuille en écrire une critique ! Nancy remplace sa maman enrhumée pour une journée.</t>
  </si>
  <si>
    <t>FR61990-HDTX</t>
  </si>
  <si>
    <t>Le Test de maturité / Deux reines pour le prix d'une</t>
  </si>
  <si>
    <t>Quand la patronne de papa est invitée à dîner à la maison, Nancy veut prouver qu'elle est assez grande pour rester avec les adultes. Nancy est contrariée quand sa serveuse préférée accorde beaucoup d''attention à Jojo.</t>
  </si>
  <si>
    <t>FR61991-HDTX</t>
  </si>
  <si>
    <t>À cheval / L'Hôtel / Le Vélo</t>
  </si>
  <si>
    <t>Les enfants organisent un mariage à cheval ! Bluey, Bingo et leur papa jouent au jeu "Hôtel." Bluey ne parvient pas à rouler en vélo mais n'abandonne pas.</t>
  </si>
  <si>
    <t>FR79401-HDTX</t>
  </si>
  <si>
    <t>Bob Bilby / Le Jeux d'Espion / La Livraison</t>
  </si>
  <si>
    <t>C'est au tour de Bingo de s'occuper de Bob Bilby, l'animal de compagnie de Kindy. Bingo décide d'arrêter de jouer à un jeu et cela sème la zizanie. Quand on doit patienter, cinq minutes peuvent paraître une éternité.</t>
  </si>
  <si>
    <t>FR79412-HDTX</t>
  </si>
  <si>
    <t>14:20:00</t>
  </si>
  <si>
    <t>Le Docteur / La Griffe / Le Marché</t>
  </si>
  <si>
    <t>La visite de Honey chez le Dr Bingo est sans arrêt interrompu. Maman et papa créent leur propre machine à griffe magique ! Bluey emmène avec elle l'argent que la petite souris lui a donné.</t>
  </si>
  <si>
    <t>FR79427-HDTX</t>
  </si>
  <si>
    <t>Bluey S1 Ep 7</t>
  </si>
  <si>
    <t>FR79428-HDTX</t>
  </si>
  <si>
    <t>14:40:00</t>
  </si>
  <si>
    <t>Avec ou sans rayures / Une livraison qui fait plouf !</t>
  </si>
  <si>
    <t>Pipou et Freddy essayent de trouver de quelle espèce est l'animal mystérieux qu'ils doivent livrer. Les livreurs débutants se retrouvent malheureusement avec une fuite dans la caisse du bébé pieuvre qu'ils doivent livrer.</t>
  </si>
  <si>
    <t>FR72105-HDTX</t>
  </si>
  <si>
    <t>Bibou et l'astéroïde géant / Les Pyjamasques et les astéroïdes</t>
  </si>
  <si>
    <t>85</t>
  </si>
  <si>
    <t>En rentrant d’une mission dans l’espace, Bibou envoie accidentellement un astéroïde sur la Terre. Cet évènement la préoccupe et l’empêche de se concentrer sur la lutte contre Roméo... d’autant plus qu’elle a repéré un garçon dont le comportement lui paraît suspect./Les Pyjamasques ont hâte de découvrir les pouvoirs de leur nouvel ami Hector. Mais celui-ci aime le calme et la tranquillité de l’espace et préfère être seul…</t>
  </si>
  <si>
    <t>FR84566-HDTX</t>
  </si>
  <si>
    <t>Bluey S1 Ep 48</t>
  </si>
  <si>
    <t>FR79421-HDTX</t>
  </si>
  <si>
    <t>Bluey S1 Ep 38</t>
  </si>
  <si>
    <t>FR79410-HDTX</t>
  </si>
  <si>
    <t>Bluey S1 Ep 40</t>
  </si>
  <si>
    <t>FR79413-HDTX</t>
  </si>
  <si>
    <t>Mickey Mouse Mixed-Up Adventures S3 Splits</t>
  </si>
  <si>
    <t>Hot Dog ! Retrouvez Mickey et tous ses amis dans sa nouvelle maison à Hot Dog Hills ! Mickey, Donald, Dingo, Minnie, Daisy, Pluto et Tic et Tac vous réservent de toutes nouvelles surprises ! Qu'ils soient à la recherche d'une licorne, apprennent aux enfants à jouer au base-ball ou qu'ils s'occupent d'une portée de chatons malicieux, Mickey et ses amis s'amusent toujours beaucoup en mélangeant dans la bonne humeur l'amitié, le travail d'équipe, la communauté, l'aventure et des tonnes de rires et de joie !</t>
  </si>
  <si>
    <t>FR82373-HDTX</t>
  </si>
  <si>
    <t>FR82372-HDTX</t>
  </si>
  <si>
    <t>MIRA DÉTECTIVE ROYALE</t>
  </si>
  <si>
    <t>Mira Détective Royale S1 Ep 1</t>
  </si>
  <si>
    <t>Mira, toute nouvelle détective royale de Jalpur, royaume imaginaire de l'Inde, aide autant le peuple que les membres de la famille royale à travers ses aventures ! Avec l'aide de son ami, le Prince Neel, sa cousine Priya et ses inséparables mangoustes, Mikku et Chikku, Mira mène l'enquête avec une sagacité unique !</t>
  </si>
  <si>
    <t>FR79273-HDTX</t>
  </si>
  <si>
    <t>La famille monstrueuse / La chasse aux œufs</t>
  </si>
  <si>
    <t>L'école rend hommage aux familles des élèves et ils doivent tous préparer l'arbre généalogique de leur famille. Vampirina en apprend plus sur ses ancêtres grâce à Mamie Goule. / Vampirina participe à sa première chasse aux œufs de Pâques chez les Peepleson. Edna a préparé un gros panier de Pâques qui sera la récompense pour celui ou celle qui aura ramassé le plus d'oeufs.</t>
  </si>
  <si>
    <t>FR64480-HDTX</t>
  </si>
  <si>
    <t>18:00:00</t>
  </si>
  <si>
    <t>Yoyo et le secret de la Pagode / Les Pyjamasques et la Tempête Ninja</t>
  </si>
  <si>
    <t>Désireux d'impressionner Flamme Rouge,Yoyo rivalise avec elle et cela donne l'occasion à Ninjaka d'entrer dans la pagode et d'en découvrir les secrets. / Pour arrêter la tempête magique de Ninjaka et protéger la montagne, Flamme Rouge doit résoudre l'ancienne énigme qui fera d'elle un véritable maître de la montagne. Elle échoue à plusieurs reprises, puis réalise qu'elle doit compter sur l'aider des Pyjamasques pour réussir.</t>
  </si>
  <si>
    <t>FR68527-HDTX</t>
  </si>
  <si>
    <t>Les singes et l'avalanche</t>
  </si>
  <si>
    <t>Kion perd le contrôle du Rugissement des Ancêtres et détruit sans le vouloir le territoire des singes des neiges. Il tente alors de se racheter.</t>
  </si>
  <si>
    <t>FR63864-HDTX</t>
  </si>
  <si>
    <t>La belle est la bête</t>
  </si>
  <si>
    <t>L'amulette d'Avalor envoie Sofia auprès d'une princesse en détresse. La princesse Charlotte de l'ïle verdoyante est victime d'un sort qui l'a transformée en bête.</t>
  </si>
  <si>
    <t>FR30971-HDTX</t>
  </si>
  <si>
    <t>DOCTEUR LA PELUCHE</t>
  </si>
  <si>
    <t>Docteur La Peluche à la Maison-Blanche / Winnie est essoufflée</t>
  </si>
  <si>
    <t>Réalisateur: Chris NeeRéalisateur: Chris Nee</t>
  </si>
  <si>
    <t>Doc visite la Maison-Blanche et rencontre la Première dame, Michelle Obama. / Doc rencontre un nouveau jouet du nom de Winnie qui aide à gonfler des ballons pour la fête d'anniversaire de Donny !</t>
  </si>
  <si>
    <t>FR31085-HDTX</t>
  </si>
  <si>
    <t>20:10:00</t>
  </si>
  <si>
    <t>20:20:00</t>
  </si>
  <si>
    <t>20:45:00</t>
  </si>
  <si>
    <t>Donald et les haricots magiques</t>
  </si>
  <si>
    <t>Mickey et Dingo aident Donald à récupérer son poulet préféré.</t>
  </si>
  <si>
    <t>FR80448-HDTX</t>
  </si>
  <si>
    <t>Mickey va à la pêche</t>
  </si>
  <si>
    <t>Mickey accepte de s'occuper du chaton de Dingo.</t>
  </si>
  <si>
    <t>FR30245-HDTX</t>
  </si>
  <si>
    <t>Pas si vite, Yoyo ! / Gluglu décroche la lune</t>
  </si>
  <si>
    <t>Ninjaka a volé la coupe des super-champions. Il met nos trois héros au défi : celui qui remportera trois épreuves pourra gagner la Coupe. Yoyo veut tellement l'avoir qu'il prend tous les risques. Sauf que parfois, il vaut mieux aller lentement mais sûrement, que risquer de voir filer la victoire. / Sorceline vole le caillou fétiche de Gluglu et s'en sert pour rendre son Aimant-Lune encore plus puissant... tellement puissant qu'il pourrait littéralement décrocher la lune ! Pour éviter le désastre, Gluglu va devoir apprendre à ne pas trop s'attacher aux choses, toutes fétiches qu'elles soient...</t>
  </si>
  <si>
    <t>FR30378-HDTX</t>
  </si>
  <si>
    <t>Yoyo et les Farfeloups / Gluglu et les dinosaures</t>
  </si>
  <si>
    <t>De nouveaux méchants débarquent en ville : ce sont des loups-garous qui cherchent à s’approprier la ville entière et empêcher les autres de s’amuser. Yoyo doit apprendre à penser aux autres avant lui-même. / Le musée organise une exposition sur les dinosaures, une des passions de Gluglu. Mais des os de dinosaures ont disparu et les Pyjamasques vont devoir mener l’enquête. Qui a bien pu les voler ?</t>
  </si>
  <si>
    <t>FR43081-HDTX</t>
  </si>
  <si>
    <t>Le temple du tigre / Un anniversaire fantas-cadeau-tique</t>
  </si>
  <si>
    <t>Freddy et Pipou font de leur mieux pour empêcher le prince tigre de se salir. Freddy essaye de trouver le cadeau d'anniversaire parfait pour un bébé qui vient d'arriver.</t>
  </si>
  <si>
    <t>FR72086-HDTX</t>
  </si>
  <si>
    <t>Comme chiens et chats / Un bébé rebondissant</t>
  </si>
  <si>
    <t>Pipou se retrouve coincé dans une caisse avec un bébé kangourou, peut-il l'empêcher de sauter ? Pipou et Freddy tentent d'apprendre à partager à un chien et un chat, pourtant frère et sœur.</t>
  </si>
  <si>
    <t>FR72088-HDTX</t>
  </si>
  <si>
    <t>Le Championnat de Papatte-ball/ Mystères et Boules de poils</t>
  </si>
  <si>
    <t>Réalisateur: Stephanie Arnett, Réalisateur: Scott Bern</t>
  </si>
  <si>
    <t>Les chiots s'entraînent pour un championnat de papatte-ball. Henri aide les chiots à attraper le voleur de légumes du potager de Bob.</t>
  </si>
  <si>
    <t>FR61671-HDTX</t>
  </si>
  <si>
    <t>L'œuf mystère / Le petit Club Nature</t>
  </si>
  <si>
    <t>Réalisateur: Scott Bern, Réalisateur: Bill Breneisen</t>
  </si>
  <si>
    <t>En Nouvelle-Zélande, les chiots tentent de rapporter un gros œuf à ses parents avant son éclosion. / Les chiots s'embarquent dans une aventure sauvage pour rapporter une pagaie à Chloé et Keia.</t>
  </si>
  <si>
    <t>FR61678-HDTX</t>
  </si>
  <si>
    <t>L'escouade extra-animale / Une tortue à la mer</t>
  </si>
  <si>
    <t>Les chiots passent à l'action et forment une véritable équipe d'animaux super-héros. / Bob emmène les chiots en vacances et en profite pour étudier les tortues.</t>
  </si>
  <si>
    <t>FR75023-HDTX</t>
  </si>
  <si>
    <t>Yoyo et les Scinti-Lunes/Bibou et le Ninja-football</t>
  </si>
  <si>
    <t>Yoyo veut aller trop vite en besogne pour arrêter les boules Scintilunes de Sorceline, au point que Gluglu et Bibou n’arrivent plus à suivre son rythme./ Bibou réalise que faire partie d’une équipe veut aussi dire conseiller Yoyo et Gluglu pour vaincre Ninjaka, qui a entrainé ses Ninjazouaves au Kung-fu-football.</t>
  </si>
  <si>
    <t>FR43069-HDTX</t>
  </si>
  <si>
    <t>Gluglu et le Lionelosaure/Yoyo et le voleur de doudous</t>
  </si>
  <si>
    <t>A cause d’une des inventions de Roméo, le lézard de Gluglu, Lionel, est transformé en gigantesque monstre qui détruit tout sur son passage. Yoyo et Bibou veulent que Gluglu traite Lionel comme un monstre mais il sait bien qu’il est toujours son compagnon, peu importe sa taille./Au cours d’une mission pour empêcher Roméo de transformer toutes les peluches en mini-lui,Yoyo avoue à Bibou et Gluglu qu’il a lui aussi un doudou.</t>
  </si>
  <si>
    <t>FR43070-HDTX</t>
  </si>
  <si>
    <t>Gluglu et le rayon babyficateur/Bibou et l'éclipse lunaire</t>
  </si>
  <si>
    <t>Romeo transforme tout le monde en bébés et Gluglu doit surveiller ses deux partenaires Minibou et Petit Chat en même temps qu’il sauve le monde./Bibou doit mettre de côté sa jalousie afin d’aider Sorceline à récupérer son aérolune et son luna magnet, volés par Roméo.</t>
  </si>
  <si>
    <t>FR43071-HDTX</t>
  </si>
  <si>
    <t>La grève des câlins / De vraies petites sirènes</t>
  </si>
  <si>
    <t>Quand l'accès à Beau-Chêne est interdit, Nancy lance la grève des câlins. Nancy se décide à affronter sa peur de mettre la tête sous l'eau.</t>
  </si>
  <si>
    <t>FR61992-HDTX</t>
  </si>
  <si>
    <t>Nancy, La Poète / Une nouvelle meilleure amie</t>
  </si>
  <si>
    <t>En participant à un concours de poésie, Nancy découvre l'angoisse de la page blanche ! Lorsque Jojo remet par erreur à Grace la carte de Joyeuse Saint Valentin que Nancy réservait à Bree, Grace croit qu'elle est devenue sa meilleure amie !</t>
  </si>
  <si>
    <t>FR61993-HDTX</t>
  </si>
  <si>
    <t>Vol de nuit / Pingouin glissant</t>
  </si>
  <si>
    <t>Freddy doit surmonter sa peur du noir car Pipou et lui doivent effectuer leur première livraison de nuit. Pipou voudrait que la prochaine livraison soit rapide mais ils doivent livrer un bébé paresseux !</t>
  </si>
  <si>
    <t>FR72106-HDTX</t>
  </si>
  <si>
    <t>Gluglu et le cristal d'étoile/ Pyja-robot contre Roméo</t>
  </si>
  <si>
    <t>Gluglu est piégé par Roméo pour capturer un cristal spécial aux pouvoirs flottants dans la marre, un crystal qui pourrait faire de Roméo le maître du ciel. / De son propre chef, PJ Robot décide d'utiliser le Tractotem contre la Mecanolab pour arrêter Roméo mais il cause de sérieux dommages à celle-ci, qui menace de s'écraser dans la ville. PJ Robot et Roméo doivent travailler ensemble pour l'arrêter.</t>
  </si>
  <si>
    <t>FR68542-HDTX</t>
  </si>
  <si>
    <t>Bluey S1 Ep 46</t>
  </si>
  <si>
    <t>FR81482-HDTX</t>
  </si>
  <si>
    <t>Bluey S1 Ep 15</t>
  </si>
  <si>
    <t>FR79385-HDTX</t>
  </si>
  <si>
    <t>Bluey S1 Ep 23</t>
  </si>
  <si>
    <t>FR79394-HDTX</t>
  </si>
  <si>
    <t>FR82382-HDTX</t>
  </si>
  <si>
    <t>Mira Détective Royale S1 Ep 3</t>
  </si>
  <si>
    <t>FR79291-HDTX</t>
  </si>
  <si>
    <t>Un voisin pas comme les autres / Vampirina gère l'auberge</t>
  </si>
  <si>
    <t>Vampirina, Poppy et Edgar ont de nouveaux voisins. En l'absence de ses parents, Vampirina est chargée de s'occuper de l'Auberge à cauchemars.</t>
  </si>
  <si>
    <t>FR64481-HDTX</t>
  </si>
  <si>
    <t>Les Pyjamasques et les pouvoirs volés / Gluglu et la danse du lézard</t>
  </si>
  <si>
    <t>Les pouvoirs des Pyjamasques sont volés par Roméo et accidentellement confiés aux Farfeloups, qui les utilisent imprudemment. Afin de vaincre Roméo et de récupérer leurs pouvoirs,Yoyo a l'idée de s'allier avec les Farfeloups et de leur apprendre à utiliser leurs nouveaux pouvoirs. /Pendant une soirée dansante, Ninjaka utilise une "danse Ninja" spéciale qui hypnôtise tous les écoliers pour les conduire à la montagne mysterieuse. Grâce à l'avertissement de Flamme Rouge et aux supers pouvoirs de Glulgu, les Pyjamasques libèrent tous les enfants.</t>
  </si>
  <si>
    <t>FR68528-HDTX</t>
  </si>
  <si>
    <t>Souvenirs de voyage</t>
  </si>
  <si>
    <t>Makini croit pouvoir se fier aux souvenirs qu'elle a de son premier voyage vers l'Arbre de Vie. Mais la Garde du Roi Lion finit par se perdre dans le désert. Ils vont devoir apprendre à s'orienter grâce aux étoiles.</t>
  </si>
  <si>
    <t>FR63866-HDTX</t>
  </si>
  <si>
    <t>Le Conte du Noble Chevalier</t>
  </si>
  <si>
    <t>De passage dans la bibliothèque secrète, Sofia découvre l'histoire du noble chevalier qui recherche le bouclier Glace-feu.</t>
  </si>
  <si>
    <t>FR30972-HDTX</t>
  </si>
  <si>
    <t>Le portrait / Un tutu pour Meuh Meuh</t>
  </si>
  <si>
    <t>Le Professeur Lulu Berlue peint un portrait de groupe des peluches, mais Câline est couverte de bouloches et a peur qu'on l'oublie. / Emmie et Alma laissent Meuh Meuh, leur vache en peluche, chez Doc pour qu'elle prenne un cours de danse classique.</t>
  </si>
  <si>
    <t>FR31088-HDTX</t>
  </si>
  <si>
    <t>Dingo sur Mars</t>
  </si>
  <si>
    <t>Dingo décide de se rendre sur la planète Mars avec sa fusée.</t>
  </si>
  <si>
    <t>FR30226-HDTX</t>
  </si>
  <si>
    <t>Donald, le prince canard</t>
  </si>
  <si>
    <t>Donald boit une potion créée par le professeur Van Drake.</t>
  </si>
  <si>
    <t>FR30227-HDTX</t>
  </si>
  <si>
    <t>YOYO ET LA NUIT DU CHAT/YOYO ET LE REMBOBINATEUR</t>
  </si>
  <si>
    <t>Yoyo entends parler d’un moyen d’augmenter ses pouvoirs et demande à Gluglu et Bibou de l’aider. Mais il s’agit en fait d’une ruse de Sorceline qui piège Yoyo dans une Lunaroue. Avec l’aide de Gluglu et Bibou, Yoyo est libéré et réalise qu’il a lui-même amélioré ses pouvoirs./ Yoyo devient la cible d’une télécommande maléfique créée par Roméo et qui permet de rembobiner tout ce qui se passe pendant une nuit sans fin.</t>
  </si>
  <si>
    <t>FR43072-HDTX</t>
  </si>
  <si>
    <t>Petit lion, grand rugissement / Panique porc-épic</t>
  </si>
  <si>
    <t>Pipou et Freddy apprennent à un lion à adapter son rugissement selon s'il est à l'intérieur ou à l'extérieur. Lorsqu'un porc-épic a peur du tube de livraison, KC et les livreurs l'aident à surmonter sa peur.</t>
  </si>
  <si>
    <t>FR72090-HDTX</t>
  </si>
  <si>
    <t>LA MAISON DE MICKEY - MICKEY FAIT LA COURSE</t>
  </si>
  <si>
    <t>Réalisateur: Rob Laduca/ Sherie Pollack</t>
  </si>
  <si>
    <t>Aujourd'hui, Mickey et ses amis organisent un rallye routier. À l'aide de leurs véhicules, ils vont devoir passer par plusieurs endroits afin de trouver les points de repères Mickey. Que le rallye commence !</t>
  </si>
  <si>
    <t>2010</t>
  </si>
  <si>
    <t>47min</t>
  </si>
  <si>
    <t>FR32754-HDTX</t>
  </si>
  <si>
    <t>LA MAISON DE MICKEY: DINGO AU PAYS DES CONTES DE FÉES</t>
  </si>
  <si>
    <t>Réalisateur: Phil Weinstein</t>
  </si>
  <si>
    <t>Dingo ayant effacé les contes de fées de la Maison de Mickey, il doit aller au Pays des contes de fées pour récupérer le livre d’histoires en or.</t>
  </si>
  <si>
    <t>FR31449-HDTX</t>
  </si>
  <si>
    <t>Yoyo et la boule de flipper/Yoyo et le Rebondisseur</t>
  </si>
  <si>
    <t>Les Pyjamasques enquêtent sur la disparition mystérieuse d’un boulet de démolition. Ils découvrent que c’est Roméo qui l’a volé pour mener à bien son nouveau projet diabolique : détruire la ville entière en la transformant en flipper géant. / Roméo a encore inventé une machine improbable pour devenir le maître du monde, avant de se la faire voler par Ninjaka. Les deux se provoquent pour savoir qui sera le plus méchant.</t>
  </si>
  <si>
    <t>FR43074-HDTX</t>
  </si>
  <si>
    <t>Gluglu et l'esprit du carnaval / Bibou et son double</t>
  </si>
  <si>
    <t>Un des chars pour le défilé du carnaval a disparu ! C’est Ninjaka qui l’a volé pour Roméo –qui compte bien s’emparer des autres pour les contrôler et terroriser la ville. Les Pyjamasques essaient de les en empêcher, mais Gluglu ne se préoccupe que du char qu’il a fabriqué lui-même. Si l’équipe de reste pas soudée, Roméo a une chance de gagner !/ Roméo prend l'apparence de Bibou pour que Yoyo et Gluglu l'aide à mettre hors d'état de nuire les autres méchants de la ville.</t>
  </si>
  <si>
    <t>FR43076-HDTX</t>
  </si>
  <si>
    <t>Au revoir, Jean Claude / Nancy joue les espionnes</t>
  </si>
  <si>
    <t>Quand le poisson rouge de la famille meurt, Nancy doit affronter son chagrin. Quand Nancy espionne ses parents, elle croit comprendre qu'ils vont abandonner leur chien !</t>
  </si>
  <si>
    <t>FR61994-HDTX</t>
  </si>
  <si>
    <t>Nancy cherche la petite bête/ Nancy lit dans les pensées des animaux</t>
  </si>
  <si>
    <t>Nancy a du mal à accepter la passion peu raffinée que Bree nourrit pour les insectes. Nancy croit pouvoir lire dans les pensées des animaux.</t>
  </si>
  <si>
    <t>FR61995-HDTX</t>
  </si>
  <si>
    <t>Les dangers du hoquet / La grande course avec le robot</t>
  </si>
  <si>
    <t>Le hoquet de Pipou menace la prochaine livraison, il demande donc l'impossible à Freddy : lui faire peur pour que cela cesse. Pipou et Freddy doivent prouver que de vrais livreurs valent mieux qu'un drone cigogne.</t>
  </si>
  <si>
    <t>FR72107-HDTX</t>
  </si>
  <si>
    <t>Gluglu et le cristal de téléportation/ Gluglu et les billes du dodo</t>
  </si>
  <si>
    <t>Gluglu trouve un cristal qui lui donne le pouvoir d'aller partout en un rien de temps et pense finalement qu'il n'a plus besoin de ses amis pour arrêter les méchants, mais les pouvoirs du cristal s'avèrent trop forts juste pour Gluglu. / Désireux de prouver qu'il est toujours le maître des profondeurs, Gluglu décide d'empêcher les Ninjazouaves de faire du jet ski dans les douves, sans remarquer qu'il s'agit d'une diversion de Ninjaka pour mettre son plan en action : prendre le contrôle du QG.</t>
  </si>
  <si>
    <t>FR68540-HDTX</t>
  </si>
  <si>
    <t>Bluey S1 Ep 37</t>
  </si>
  <si>
    <t>FR79409-HDTX</t>
  </si>
  <si>
    <t>Bluey S1 Ep 41</t>
  </si>
  <si>
    <t>FR79414-HDTX</t>
  </si>
  <si>
    <t>Bluey S1 Ep 44</t>
  </si>
  <si>
    <t>FR79417-HDTX</t>
  </si>
  <si>
    <t>FR82383-HDTX</t>
  </si>
  <si>
    <t>Le balai d'anniversaire / Le championnat de basketball</t>
  </si>
  <si>
    <t>C'est le premier anniversaire de Vampirina en Pennsylvanie et on lui offre un Balai Hanté Monstro Deux Mille. / Vampirina aide à l'équipe de basketball de Poppy à gagner le dernier match de la saison.</t>
  </si>
  <si>
    <t>FR72284-HDTX</t>
  </si>
  <si>
    <t>La petite soeur de Sorceline/ Gluglu veut décrocher la lune</t>
  </si>
  <si>
    <t>Les Pyjamasques ne parviennent pas à se mettre d'accord sur la meilleure façon d'enquêter sur un cristal de lune assez étrange. Mais leur dispute crée une énergie négative qui fait que le cristal s'ouvre et donne naissance à un nouveau méchant : Motsuki. / Gluglu est pris au piège dans une dispute entre Sorceline et Motsuki, qui chacune leur tour lui font confisquer les pouvoirs de l'autre, laissant Yoyo et Bibou à la merci des Papinuits.</t>
  </si>
  <si>
    <t>FR68529-HDTX</t>
  </si>
  <si>
    <t>La course à la tuliza</t>
  </si>
  <si>
    <t>Fuli se perd sur le territoire d'un guépard mâle qui refuse de lui indiquer le chemin tant qu'elle ne fait pas la course avec lui. Un groupe de flamants roses bruyants met la patience de Kion à rude épreuve.</t>
  </si>
  <si>
    <t>FR63867-HDTX</t>
  </si>
  <si>
    <t>Le Chaudronnement</t>
  </si>
  <si>
    <t>80</t>
  </si>
  <si>
    <t>Invitée à la cérémonie de chaudronnement de Lucinda, Sofia doit veiller à ce que deux sorcières rivales ne gâchent pas la fête.</t>
  </si>
  <si>
    <t>FR30973-HDTX</t>
  </si>
  <si>
    <t>Souplo Gluo dans la neige / Le match de hockey sur glace</t>
  </si>
  <si>
    <t>Donny laisse accidentellement Souplo Gluo dans la neige et à présent, il est gelé! / Il neige aujourd'hui, alors Doc et ses jouets décident d'aller jouer au hockey sur glace dehors.</t>
  </si>
  <si>
    <t>FR31091-HDTX</t>
  </si>
  <si>
    <t>L'anniversaire de Minnie</t>
  </si>
  <si>
    <t>Mickey, Donald et Dingo organisent l'anniversaire de Minnie.</t>
  </si>
  <si>
    <t>FR30228-HDTX</t>
  </si>
  <si>
    <t>La danse de Daisy</t>
  </si>
  <si>
    <t>Mickey, Minnie et Donald accompagnent Daisy au théâtre...</t>
  </si>
  <si>
    <t>FR30229-HDTX</t>
  </si>
  <si>
    <t>Le Pyja-Robot / Les Pyjamasques et le Super Cristal</t>
  </si>
  <si>
    <t>Les Pyjamasques découvrent la nouvelle invention de Roméo : un mini-robot très mignon et câlin qu’ils prennent vite en affection. Mais il s’agit d’un piège: Roméo attend que les Pyjamasques emmènent le robot pour le téléguider et lui faire détruire le Q.G. / Alors que nos trois héros peuvent compter sur Pyja-robot, qui a toutes les qualités pour devenir le quatrième Pyjamasque, ils doivent affronter Ninjaka et sa bande de Ninjazouaves qui ont décidé, cette fois-ci, de voler tous les bâtiments de la ville.</t>
  </si>
  <si>
    <t>FR43075-HDTX</t>
  </si>
  <si>
    <t>Yoyo pas rapido / Gluglu et la lave collante</t>
  </si>
  <si>
    <t>Robot fabrique un costume de Yoyo pour Roméo. Grâce à son nouveau laser-aspirateur, Roméo vole aussi les pouvoirs de Yoyo. Pour l'arrêter, Yoyo doit apprendre à être un héros sans super-pouvoir ! / Ninjaka a transformé la montagne mystérieuse en volcan d'étoiles collantes. Gluglu pense que ses pouvoirs ne suffiront pas pour l’arrêter, mais ses amis vont lui redonner confiance!</t>
  </si>
  <si>
    <t>FR43083-HDTX</t>
  </si>
  <si>
    <t>Le festival de l'adoption / La légende du capitaine Wunderpatte</t>
  </si>
  <si>
    <t>Lorsqu’un des chiots se perd à une foire à l’adoption, les chiots, Keia et leur nouvel ami partent à sa recherche. Bingo, Rolly et Keia partent à la recherche du navire du capitaine Wunderwaf.</t>
  </si>
  <si>
    <t>FR61677-HDTX</t>
  </si>
  <si>
    <t>Le grand défi des chiens / New-York, New-York!</t>
  </si>
  <si>
    <t>Bob s’inscrit pour participer à un jeu télévisé avec Bingo et Rolly. Lorsque le voyage de Bob à New York est annulé, les chiots décident d’y aller pour lui ramener un souvenir.</t>
  </si>
  <si>
    <t>FR61676-HDTX</t>
  </si>
  <si>
    <t>Au travail avec Bob/ La soirée Pyjama</t>
  </si>
  <si>
    <t>Réalisateur: Scott Bern, Réalisateur: Stephanie Arnett</t>
  </si>
  <si>
    <t>Les chiots perdent les clés de Bob à son travail, avant la présentation de son projet. / Les chiots cherchent du popcorn pour Bob, avant la soirée pyjama.</t>
  </si>
  <si>
    <t>FR61683-HDTX</t>
  </si>
  <si>
    <t>Gluglu et la lune rousse : Partie 1 / Gluglu et la lune rousse : Partie 2</t>
  </si>
  <si>
    <t>Sorceline s'envole vers la lune rousse pour gagner de nouveaux pouvoirs grâce à des cristaux de lune très rares. Les Pyjamasques foncent à sa poursuite, mais Gluglu a peur d'aller dans l'espace, ce monde inconnu et si imprévisible. Le voyage est drôlement mouvementé !/ Alors que Bibou et Yoyo ont poursuivi Sorceline dans sa forteresse lunaire, ils sont emprisonnés par des cristaux géants et ne peuvent compter que sur Gluglu, resté dans leur vaisseau spatial. Heureusement, Gluglu trouve le courage pour affronter ses peurs.</t>
  </si>
  <si>
    <t>FR43077-HDTX</t>
  </si>
  <si>
    <t>Yoyo et l’Animo-Métamorpho-Zoo / Gluglu et le robot sous-marin</t>
  </si>
  <si>
    <t>Roméo transforme Yoyo en chaton et le confie à Robot. Puis Roméo tend un piège à Bibou, Gluglu, et tous les habitants de la ville, pour pouvoir les transformer, eux aussi, en animaux et devenir le maître du monde ! Mais Robot, très attaché à son nouveau compagnon, ne va pas aider Roméo, bien au contraire. / Quand le sous-marin télécommandé de Greg disparaît mystérieusement sous l’eau, c’est un nouveau défi pour les Pyjamasques ! Roméo veut les attirer sous l'eau ! Gluglu fait tout pour le faire échouer mais il n’ose pas avouer à ses amis qu’il n’est pas du tout à l’aise en milieu aquatique.</t>
  </si>
  <si>
    <t>FR43078-HDTX</t>
  </si>
  <si>
    <t>Roméo contre-attaque / Sorceline et la lune cassée</t>
  </si>
  <si>
    <t>Les Pyjamasques ont hâte d’utiliser leurs nouveaux pouvoirs. L’occasion se présente quand Roméo lance Robot à l’attaque. Tout fonctionne à merveille mais les choses se gâtent quand Robot s'équipe d’une ceinture multi-pouvoirs. Les Pyjamasques se retrouvent enfermés dans une cage... Heureusement, Pyja-Robot veille!/ Les Pyjamasques découvrent que la Lune est en train de se fissurer ! Ils pensent que c'est la faute de Sorceline, mais c'est celle de Roméo et Robot, qui creusent la Lune pour y trouver un cristal. D'abord hésitants, les Pyjamasques font finalement équipe avec Sorceline.</t>
  </si>
  <si>
    <t>FR63062-HDTX</t>
  </si>
  <si>
    <t>Les aventures incroyables de Mamie et Papie / Le concours de danse</t>
  </si>
  <si>
    <t>Nancy apprend à apprécier ses grands-parents au cours de l'une de leurs visites. Nancy devient la partenaire de danse de Grand-Père pour un concours de danse de salon.</t>
  </si>
  <si>
    <t>FR61997-HDTX</t>
  </si>
  <si>
    <t>La malade imaginaire / La super marelle</t>
  </si>
  <si>
    <t>Nancy joue les malades, mais elle le regrette car elle risque de manquer une fête familiale. Nancy affronte Rhonda et Wanda pour déterminer qui est la championne de marelle !</t>
  </si>
  <si>
    <t>FR61999-HDTX</t>
  </si>
  <si>
    <t>Yoyo a une place de concert à donner</t>
  </si>
  <si>
    <t>Yoyo n'a que deux places pour le spectacle de son chanteur préféré, et doit choisir lequel de ses meilleurs amis l'accompagnera au concert. Quand Bibou et Gluglu essaient de soudoyer notre héros à coups de cadeaux, Yoyo se montre de plus en plus gourmand... et de moins en moins efficace face à Sorceline, laquelle risque de faire carrément annuler le concert !</t>
  </si>
  <si>
    <t>12min</t>
  </si>
  <si>
    <t>FR33978-HDTX</t>
  </si>
  <si>
    <t>DISNEY TOUS EN FORME L’ASTUCE DU JOUR</t>
  </si>
  <si>
    <t>Le Roi Louie</t>
  </si>
  <si>
    <t>Cuisiner en s'amusant.</t>
  </si>
  <si>
    <t>Magazine</t>
  </si>
  <si>
    <t>9min</t>
  </si>
  <si>
    <t>FR58212-HDTX</t>
  </si>
  <si>
    <t>Bluey S1 Ep 21</t>
  </si>
  <si>
    <t>FR79392-HDTX</t>
  </si>
  <si>
    <t>Bluey S1 Ep 45</t>
  </si>
  <si>
    <t>FR79418-HDTX</t>
  </si>
  <si>
    <t>Journée camping !</t>
  </si>
  <si>
    <t>Nos amis ont du mal à se déconnecter de leurs appareils alors qu'il font du camping.</t>
  </si>
  <si>
    <t>FR82390-HDTX</t>
  </si>
  <si>
    <t>Soirée plage / Gregoria prend son envol</t>
  </si>
  <si>
    <t>Les Hauntley sont ravis d'aller à la plage avec les Peepleson. / Vampirina et Demi Apprennent à Gregoria à voler.</t>
  </si>
  <si>
    <t>FR64479-HDTX</t>
  </si>
  <si>
    <t>La grosse colère de Sorceline/ Motsuki la meilleure méchante</t>
  </si>
  <si>
    <t>Après une nouvelle querelle avec Sorceline, Motsuki décide de devenir l'acolyte de Bibou, ce qui rend Sorceline encore plus en colère et dérange même un peu Yoyo et Gluglu. / Sorceline continue de traiter Motsuki comme un bébé, jusqu'à ce que cette dernière décide de prouver qu'elle peut être plus méchante qu'elle, en la piégeant elle et les Pyjamasques sur la Lune pour voler l'Aerototem des Pyjamasques.</t>
  </si>
  <si>
    <t>FR68530-HDTX</t>
  </si>
  <si>
    <t>Les voleurs de tulizas</t>
  </si>
  <si>
    <t>La Garde du Roi Lion craint de ne pas pouvoir retrouver l'Arbre de Vie, car la sournoise Mama Binturong a volé le bâton Bakora de Makini.</t>
  </si>
  <si>
    <t>FR63868-HDTX</t>
  </si>
  <si>
    <t>Modernité et tradition</t>
  </si>
  <si>
    <t>81</t>
  </si>
  <si>
    <t>Sofia est invitée au royaume de Wei ling où son amie Jun doit inaugurer le festival des cerfs-volants.</t>
  </si>
  <si>
    <t>FR30974-HDTX</t>
  </si>
  <si>
    <t>Dimitri le Magnifique / Un nouvel animal dans la famille</t>
  </si>
  <si>
    <t>Réalisateur: Brónagh O'Hanlon, Réalisateur: Chris Nee, Réalisateur: Dan NosellaRéalisateur: Chris Nee</t>
  </si>
  <si>
    <t>Carotte, la lapine de Dimitri le Magnifique abîme ses accessoires de magie. Il la renvoie et cherche un nouvel assistant. / Doc ramène un petit chaton à la maison et Câline a le coup de foudre.</t>
  </si>
  <si>
    <t>FR31094-HDTX</t>
  </si>
  <si>
    <t>Mickey joue à cache-cache</t>
  </si>
  <si>
    <t>Mickey et Donald font une partie de cache-cache.</t>
  </si>
  <si>
    <t>FR30231-HDTX</t>
  </si>
  <si>
    <t>Pluto le champion</t>
  </si>
  <si>
    <t>Pluto et Bouledogue participent à la compétition des Toutous.</t>
  </si>
  <si>
    <t>FR30246-HDTX</t>
  </si>
  <si>
    <t>Les Pyjamasques et Tatouro’Tom / Bibou invisible</t>
  </si>
  <si>
    <t>Quand les Pyjamasques découvrent que l’école a été saccagée, ils font vite le lien avec celui qui fait des dégâts dans toute la ville. Il s’agit de Tatouro’Tom, un nouveau héros, mi-tatou, mi-garçon, qui ne maîtrise pas encore ses pouvoirs mais qui se prend très au sérieux. Les Pyjamasques lui proposent de l’aider, mais Tatouro’Tom, vexé, se retourne contre eux/ Roméo a inventé un rayon lui permettant de devenir invisible pour faire encore plus de bêtises. Mais par mégarde c'est Bibou qu'il rend invisible ! Yoyo et Gluglu doivent se débrouiller sans elle pour contrer les plans de Roméo.</t>
  </si>
  <si>
    <t>FR43084-HDTX</t>
  </si>
  <si>
    <t>L'esprit de la Saint Valentin / Jeu de carapace</t>
  </si>
  <si>
    <t>Freddy et Pipou se dépêchent d'apporter des cœurs de Saint Valentin à tous les bébés qu'ils ont livrés, en espérant être à l'heure à la fête. Freddy, Pipou et KC doivent faire sortir une tortue très timide de sa carapace.</t>
  </si>
  <si>
    <t>FR72087-HDTX</t>
  </si>
  <si>
    <t>Le Monde de Bingo et Rolly S2 Ep 51</t>
  </si>
  <si>
    <t>Bingo et Rolly, deux chiots adorables et frères inséparables, partent en mission pour de drôles d'aventures.</t>
  </si>
  <si>
    <t>FR61681-HDTX</t>
  </si>
  <si>
    <t>Le Monde de Bingo et Rolly S2 Ep 49</t>
  </si>
  <si>
    <t>FR61679-HDTX</t>
  </si>
  <si>
    <t>Le Monde de Bingo et Rolly S2 Ep 52</t>
  </si>
  <si>
    <t>FR61682-HDTX</t>
  </si>
  <si>
    <t>Le faux pas de Nancy / Héroïne mais toute seule</t>
  </si>
  <si>
    <t>Nancy devient jalouse de l’amitié entre Bree et sa copine de colo. Nancy rêve d’être la star du quartier en retrouvant un chaton perdu.</t>
  </si>
  <si>
    <t>FR62000-HDTX</t>
  </si>
  <si>
    <t>Le concours de chapeau / Mission : Lapin de Pâques</t>
  </si>
  <si>
    <t>Nancy veut gagner le concours du plus beau chapeau, mais finit par attirer plein d’insectes. Nancy veut surprendre le lapin de Pâques.</t>
  </si>
  <si>
    <t>FR62001-HDTX</t>
  </si>
  <si>
    <t>Yoyo et la mélodie de Roméo/ Pyja-Robot prend le contrôle</t>
  </si>
  <si>
    <t>Roméo a composé une chanson spéciale transformant tous ceux qui l'écoutent en esclaves pour son usine volante. Pour vaincre Roméo, Les Pyjamasques doivent porter un protecteur d'oreilles, mais Yoyo se plaint des démangeaisons du casque et refuse de le porter, ce qui le transforme en serviteur de Roméo. / PJ Robot a trouvé un moyen de prendre le contrôle d'un Mini-robot et essaie de transformer la Mecanolab de Roméo en "fête volante pour robots" tout en restant à l'intérieur du QG mais les Mini-robot se défendent et les Pyjamasques doivent intervenir.</t>
  </si>
  <si>
    <t>FR84614-HDTX</t>
  </si>
  <si>
    <t>Bluey S1 Ep 43</t>
  </si>
  <si>
    <t>FR79416-HDTX</t>
  </si>
  <si>
    <t>FR82391-HDTX</t>
  </si>
  <si>
    <t>Croque Mission / Vidéos à gogo</t>
  </si>
  <si>
    <t>Giovanni Péroné participe à une émission de cuisine pour les humains. / Vampirina et ses amies réalisent de nouvelles vidéos pour Le Bizarroïde qui vont faire le buzz sur internet.</t>
  </si>
  <si>
    <t>FR64475-HDTX</t>
  </si>
  <si>
    <t>Ca roule pour les héros/ Tiloup tout garou</t>
  </si>
  <si>
    <t>Ninjaka piège Tatouro'Tom en lui disant qu'un vrai héros a besoin d'un véhicule pour que le pauvre Tatouro'Tom vole tous les véhicules des Pyjamasques l'un après l'autre. / Sorceline et Motsuki emmènent Tiloup sur la Lune pour qu'il leur trouve des cristaux noirs. Les Pyjamasques essaient de sauver Tiloup, mais c'est trop tard : il est devenu Tout Garou.</t>
  </si>
  <si>
    <t>FR68531-HDTX</t>
  </si>
  <si>
    <t>Amis pour la vie</t>
  </si>
  <si>
    <t>Alors qu’il se rapproche de l’Arbre de Vie, la cicatrice de Kion le dérange de plus en plus. Bunga croit que ce comportement, qui ne ressemble pas à Kion, prouve que le venin qui est en lui le fait devenir méchant.</t>
  </si>
  <si>
    <t>FR63869-HDTX</t>
  </si>
  <si>
    <t>Ambroise et son maître</t>
  </si>
  <si>
    <t>82</t>
  </si>
  <si>
    <t>Sofia s'aperçoit que son amulette a changé ; elle demande l'aide de Cédric pour comprendre ce qu'il se passe.</t>
  </si>
  <si>
    <t>FR30975-HDTX</t>
  </si>
  <si>
    <t>À la recherche de Gribulle / Les lémuriens</t>
  </si>
  <si>
    <t>Réalisateur: Brónagh O'Hanlon, Réalisateur: Dan Nosella, Réalisateur: Chris NeeRéalisateur: Chris Nee</t>
  </si>
  <si>
    <t>Toufy est bouleversé par la disparition de Gribulle au cours d'une séance de dressage. / Doc gagne à l'école une troupe de lémuriens qui éblouissent les jouets par leurs talents d'acrobates.</t>
  </si>
  <si>
    <t>FR31097-HDTX</t>
  </si>
  <si>
    <t>Réalisateur: Rob LaDuca, Réalisateur: Sherie Pollack, Interprète: They Might Be GiantsRéalisateur: Rob LaDuca, Réalisateur: Sherie Pollack, Interprète: They Might Be Giants</t>
  </si>
  <si>
    <t>Réalisateur: Jamie Mitchell, Réalisateur: Mircea ManttaRéalisateur: Mircea Mantta, Réalisateur: Jamie Mitchell</t>
  </si>
  <si>
    <t>Réalisateur: Ehud Landsberg, Réalisateur: Nicky Phelan</t>
  </si>
  <si>
    <t>Réalisateur: Nicky Phelan, Réalisateur: Jonmark Marten</t>
  </si>
  <si>
    <t>Réalisateur: Dan Nosella, Réalisateur: Jean Herlihy, Réalisateur: Damien O'ConnorRéalisateur: Dan Nosella</t>
  </si>
  <si>
    <t>Réalisateur: Mircea Mantta, Réalisateur: Jamie Mitchell</t>
  </si>
  <si>
    <t>Réalisateur: Wilson Dos Santos, Réalisateur: Christian De Vita, Réalisateur: Merle-Anne RidleyRéalisateur: Merle-Anne Ridley</t>
  </si>
  <si>
    <t>Réalisateur: Dan Nosella, Réalisateur: Brónagh O'Hanlon, Réalisateur: Chris NeeRéalisateur: Chris Nee</t>
  </si>
  <si>
    <t>Mira Détective Royale S1 Ep 7a</t>
  </si>
  <si>
    <t>FR88128-HDTX</t>
  </si>
  <si>
    <t>17:15:00</t>
  </si>
  <si>
    <t>Mira Détective Royale S1 Ep 3a</t>
  </si>
  <si>
    <t>FR88120-HDTX</t>
  </si>
  <si>
    <t>Réalisateur: Richard Keane, Réalisateur: Dan Nosella, Réalisateur: Chris NeeRéalisateur: Chris Nee</t>
  </si>
  <si>
    <t>21:15:00</t>
  </si>
  <si>
    <t>Mira Détective Royale S1 Ep 7b</t>
  </si>
  <si>
    <t>FR88129-HDTX</t>
  </si>
  <si>
    <t>Mira Détective Royale S1 Ep 2a</t>
  </si>
  <si>
    <t>FR88118-HDTX</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indexed="8"/>
      <name val="Calibri"/>
      <family val="2"/>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b/>
      <i/>
      <sz val="11"/>
      <color indexed="8"/>
      <name val="Calibri"/>
      <family val="2"/>
    </font>
    <font>
      <b/>
      <i/>
      <sz val="10"/>
      <color indexed="8"/>
      <name val="Arial"/>
      <family val="2"/>
    </font>
    <font>
      <sz val="10"/>
      <color indexed="8"/>
      <name val="Arial"/>
      <family val="2"/>
    </font>
    <font>
      <sz val="10"/>
      <color theme="1"/>
      <name val="Arial"/>
      <family val="2"/>
    </font>
    <font>
      <sz val="10"/>
      <color rgb="FF2D2D2D"/>
      <name val="Arial"/>
      <family val="2"/>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7"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7"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7"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7"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7"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7" fillId="32" borderId="0" applyNumberFormat="0" applyBorder="0" applyAlignment="0" applyProtection="0"/>
  </cellStyleXfs>
  <cellXfs count="9">
    <xf numFmtId="0" fontId="0" fillId="0" borderId="0" xfId="0"/>
    <xf numFmtId="0" fontId="18" fillId="0" borderId="0" xfId="0" applyFont="1"/>
    <xf numFmtId="0" fontId="19" fillId="0" borderId="0" xfId="0" applyFont="1" applyAlignment="1"/>
    <xf numFmtId="0" fontId="20" fillId="0" borderId="0" xfId="0" applyFont="1" applyAlignment="1"/>
    <xf numFmtId="14" fontId="20" fillId="0" borderId="0" xfId="0" applyNumberFormat="1" applyFont="1" applyAlignment="1"/>
    <xf numFmtId="21" fontId="20" fillId="0" borderId="0" xfId="0" applyNumberFormat="1" applyFont="1" applyAlignment="1"/>
    <xf numFmtId="0" fontId="19" fillId="0" borderId="0" xfId="0" applyFont="1"/>
    <xf numFmtId="0" fontId="21" fillId="0" borderId="0" xfId="0" applyFont="1"/>
    <xf numFmtId="0" fontId="22" fillId="0" borderId="0" xfId="0" applyFont="1"/>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ustomBuiltin="1"/>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24">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26" formatCode="hh:mm:ss"/>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19" formatCode="dd/mm/yyyy"/>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i/>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border>
        <left style="thin">
          <color auto="1"/>
        </left>
        <right style="thin">
          <color auto="1"/>
        </right>
        <top style="thin">
          <color auto="1"/>
        </top>
        <bottom style="thin">
          <color auto="1"/>
        </bottom>
        <vertical style="thin">
          <color auto="1"/>
        </vertical>
        <horizontal style="thin">
          <color auto="1"/>
        </horizontal>
      </border>
    </dxf>
  </dxfs>
  <tableStyles count="1" defaultTableStyle="TableStyleMedium2" defaultPivotStyle="PivotStyleLight16">
    <tableStyle name="Custom" pivot="0" count="1">
      <tableStyleElement type="wholeTable" dxfId="23"/>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6/relationships/vbaProject" Target="vbaProject.bin"/><Relationship Id="rId5" Type="http://schemas.openxmlformats.org/officeDocument/2006/relationships/sharedStrings" Target="sharedStrings.xml"/><Relationship Id="rId4" Type="http://schemas.openxmlformats.org/officeDocument/2006/relationships/styles" Target="styles.xml"/></Relationships>
</file>

<file path=xl/tables/table1.xml><?xml version="1.0" encoding="utf-8"?>
<table xmlns="http://schemas.openxmlformats.org/spreadsheetml/2006/main" id="1" name="Table1" displayName="Table1" ref="A1:U280" totalsRowShown="0" headerRowDxfId="22" dataDxfId="21">
  <autoFilter ref="A1:U280"/>
  <tableColumns count="21">
    <tableColumn id="1" name="Channel" dataDxfId="20"/>
    <tableColumn id="2" name="TX Date" dataDxfId="19"/>
    <tableColumn id="3" name="Day" dataDxfId="18"/>
    <tableColumn id="4" name="TX Time" dataDxfId="17"/>
    <tableColumn id="5" name="Series Title" dataDxfId="16"/>
    <tableColumn id="6" name="Episode Title" dataDxfId="15"/>
    <tableColumn id="7" name="Episode No" dataDxfId="14"/>
    <tableColumn id="8" name="Season" dataDxfId="13"/>
    <tableColumn id="9" name="Cast Info" dataDxfId="12"/>
    <tableColumn id="10" name="Synopsis" dataDxfId="11"/>
    <tableColumn id="11" name="Programme Type" dataDxfId="10"/>
    <tableColumn id="12" name="Genre" dataDxfId="9"/>
    <tableColumn id="13" name="Production Country" dataDxfId="8"/>
    <tableColumn id="14" name="Production Year" dataDxfId="7"/>
    <tableColumn id="15" name="Duration" dataDxfId="6"/>
    <tableColumn id="16" name="IDSubtitle" dataDxfId="5"/>
    <tableColumn id="17" name="Sound" dataDxfId="4"/>
    <tableColumn id="18" name="Programme Format" dataDxfId="3"/>
    <tableColumn id="19" name="TX ID" dataDxfId="2"/>
    <tableColumn id="20" name="Inedit" dataDxfId="1"/>
    <tableColumn id="21" name="LSF" dataDxfId="0"/>
  </tableColumns>
  <tableStyleInfo name="Custom"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V280"/>
  <sheetViews>
    <sheetView tabSelected="1" zoomScale="112" zoomScaleNormal="112" workbookViewId="0">
      <selection activeCell="E279" sqref="E279"/>
    </sheetView>
  </sheetViews>
  <sheetFormatPr defaultRowHeight="15" x14ac:dyDescent="0.25"/>
  <cols>
    <col min="1" max="1" width="8.42578125" customWidth="1"/>
    <col min="2" max="2" width="10.5703125" customWidth="1"/>
    <col min="3" max="3" width="7.5703125" customWidth="1"/>
    <col min="4" max="4" width="10.5703125" customWidth="1"/>
    <col min="5" max="5" width="59.85546875" customWidth="1"/>
    <col min="6" max="6" width="37" customWidth="1"/>
    <col min="7" max="14" width="4.85546875" customWidth="1"/>
    <col min="15" max="15" width="7" customWidth="1"/>
    <col min="16" max="18" width="4.85546875" customWidth="1"/>
    <col min="19" max="19" width="12.5703125" customWidth="1"/>
    <col min="20" max="20" width="10" customWidth="1"/>
    <col min="21" max="22" width="4.85546875" customWidth="1"/>
  </cols>
  <sheetData>
    <row r="1" spans="1:22" s="1" customForma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22</v>
      </c>
      <c r="B2" s="4" t="s">
        <v>23</v>
      </c>
      <c r="C2" s="3" t="s">
        <v>24</v>
      </c>
      <c r="D2" s="5" t="s">
        <v>25</v>
      </c>
      <c r="E2" s="3" t="s">
        <v>26</v>
      </c>
      <c r="F2" s="3" t="s">
        <v>27</v>
      </c>
      <c r="G2" s="3" t="s">
        <v>28</v>
      </c>
      <c r="H2" s="3" t="s">
        <v>29</v>
      </c>
      <c r="I2" s="3" t="s">
        <v>30</v>
      </c>
      <c r="J2" s="3" t="s">
        <v>31</v>
      </c>
      <c r="K2" s="3" t="s">
        <v>32</v>
      </c>
      <c r="L2" s="3" t="s">
        <v>33</v>
      </c>
      <c r="M2" s="3" t="s">
        <v>34</v>
      </c>
      <c r="N2" s="3" t="s">
        <v>35</v>
      </c>
      <c r="O2" s="3" t="s">
        <v>36</v>
      </c>
      <c r="P2" s="3" t="s">
        <v>37</v>
      </c>
      <c r="Q2" s="3" t="s">
        <v>38</v>
      </c>
      <c r="R2" s="3" t="s">
        <v>39</v>
      </c>
      <c r="S2" s="3" t="s">
        <v>40</v>
      </c>
      <c r="T2" s="3"/>
      <c r="U2" s="3" t="s">
        <v>37</v>
      </c>
      <c r="V2" s="3" t="s">
        <v>37</v>
      </c>
    </row>
    <row r="3" spans="1:22" x14ac:dyDescent="0.25">
      <c r="A3" s="3" t="s">
        <v>22</v>
      </c>
      <c r="B3" s="4" t="s">
        <v>23</v>
      </c>
      <c r="C3" s="3" t="s">
        <v>24</v>
      </c>
      <c r="D3" s="5" t="s">
        <v>41</v>
      </c>
      <c r="E3" s="3" t="s">
        <v>26</v>
      </c>
      <c r="F3" s="3" t="s">
        <v>42</v>
      </c>
      <c r="G3" s="3" t="s">
        <v>43</v>
      </c>
      <c r="H3" s="3" t="s">
        <v>29</v>
      </c>
      <c r="I3" s="3" t="s">
        <v>30</v>
      </c>
      <c r="J3" s="3" t="s">
        <v>44</v>
      </c>
      <c r="K3" s="3" t="s">
        <v>32</v>
      </c>
      <c r="L3" s="3" t="s">
        <v>33</v>
      </c>
      <c r="M3" s="3" t="s">
        <v>34</v>
      </c>
      <c r="N3" s="3" t="s">
        <v>35</v>
      </c>
      <c r="O3" s="3" t="s">
        <v>36</v>
      </c>
      <c r="P3" s="3" t="s">
        <v>37</v>
      </c>
      <c r="Q3" s="3" t="s">
        <v>38</v>
      </c>
      <c r="R3" s="3" t="s">
        <v>39</v>
      </c>
      <c r="S3" s="3" t="s">
        <v>45</v>
      </c>
      <c r="T3" s="3"/>
      <c r="U3" s="3" t="s">
        <v>37</v>
      </c>
      <c r="V3" s="3" t="s">
        <v>37</v>
      </c>
    </row>
    <row r="4" spans="1:22" x14ac:dyDescent="0.25">
      <c r="A4" s="3" t="s">
        <v>22</v>
      </c>
      <c r="B4" s="4" t="s">
        <v>23</v>
      </c>
      <c r="C4" s="3" t="s">
        <v>24</v>
      </c>
      <c r="D4" s="5" t="s">
        <v>46</v>
      </c>
      <c r="E4" s="3" t="s">
        <v>47</v>
      </c>
      <c r="F4" s="3" t="s">
        <v>48</v>
      </c>
      <c r="G4" s="3" t="s">
        <v>49</v>
      </c>
      <c r="H4" s="3" t="s">
        <v>29</v>
      </c>
      <c r="I4" s="3" t="s">
        <v>50</v>
      </c>
      <c r="J4" s="3" t="s">
        <v>51</v>
      </c>
      <c r="K4" s="3" t="s">
        <v>32</v>
      </c>
      <c r="L4" s="3" t="s">
        <v>33</v>
      </c>
      <c r="M4" s="3" t="s">
        <v>34</v>
      </c>
      <c r="N4" s="3" t="s">
        <v>52</v>
      </c>
      <c r="O4" s="3" t="s">
        <v>53</v>
      </c>
      <c r="P4" s="3" t="s">
        <v>54</v>
      </c>
      <c r="Q4" s="3" t="s">
        <v>38</v>
      </c>
      <c r="R4" s="3" t="s">
        <v>39</v>
      </c>
      <c r="S4" s="3" t="s">
        <v>55</v>
      </c>
      <c r="T4" s="3"/>
      <c r="U4" s="3" t="s">
        <v>37</v>
      </c>
      <c r="V4" s="3" t="s">
        <v>37</v>
      </c>
    </row>
    <row r="5" spans="1:22" x14ac:dyDescent="0.25">
      <c r="A5" s="3" t="s">
        <v>22</v>
      </c>
      <c r="B5" s="4" t="s">
        <v>23</v>
      </c>
      <c r="C5" s="3" t="s">
        <v>24</v>
      </c>
      <c r="D5" s="5" t="s">
        <v>56</v>
      </c>
      <c r="E5" s="3" t="s">
        <v>47</v>
      </c>
      <c r="F5" s="3" t="s">
        <v>57</v>
      </c>
      <c r="G5" s="3" t="s">
        <v>58</v>
      </c>
      <c r="H5" s="3" t="s">
        <v>59</v>
      </c>
      <c r="I5" s="3" t="s">
        <v>50</v>
      </c>
      <c r="J5" s="3" t="s">
        <v>60</v>
      </c>
      <c r="K5" s="3" t="s">
        <v>32</v>
      </c>
      <c r="L5" s="3" t="s">
        <v>33</v>
      </c>
      <c r="M5" s="3" t="s">
        <v>34</v>
      </c>
      <c r="N5" s="3" t="s">
        <v>61</v>
      </c>
      <c r="O5" s="3" t="s">
        <v>53</v>
      </c>
      <c r="P5" s="3" t="s">
        <v>54</v>
      </c>
      <c r="Q5" s="3" t="s">
        <v>37</v>
      </c>
      <c r="R5" s="3" t="s">
        <v>39</v>
      </c>
      <c r="S5" s="3" t="s">
        <v>62</v>
      </c>
      <c r="T5" s="3"/>
      <c r="U5" s="3" t="s">
        <v>37</v>
      </c>
      <c r="V5" s="3" t="s">
        <v>37</v>
      </c>
    </row>
    <row r="6" spans="1:22" x14ac:dyDescent="0.25">
      <c r="A6" s="3" t="s">
        <v>22</v>
      </c>
      <c r="B6" s="4" t="s">
        <v>23</v>
      </c>
      <c r="C6" s="3" t="s">
        <v>24</v>
      </c>
      <c r="D6" s="5" t="s">
        <v>63</v>
      </c>
      <c r="E6" s="3" t="s">
        <v>64</v>
      </c>
      <c r="F6" s="3" t="s">
        <v>65</v>
      </c>
      <c r="G6" s="3" t="s">
        <v>66</v>
      </c>
      <c r="H6" s="3" t="s">
        <v>29</v>
      </c>
      <c r="I6" s="3" t="s">
        <v>37</v>
      </c>
      <c r="J6" s="3" t="s">
        <v>67</v>
      </c>
      <c r="K6" s="3" t="s">
        <v>32</v>
      </c>
      <c r="L6" s="3" t="s">
        <v>33</v>
      </c>
      <c r="M6" s="3" t="s">
        <v>68</v>
      </c>
      <c r="N6" s="3" t="s">
        <v>69</v>
      </c>
      <c r="O6" s="3" t="s">
        <v>53</v>
      </c>
      <c r="P6" s="3" t="s">
        <v>37</v>
      </c>
      <c r="Q6" s="3" t="s">
        <v>37</v>
      </c>
      <c r="R6" s="3" t="s">
        <v>37</v>
      </c>
      <c r="S6" s="3" t="s">
        <v>37</v>
      </c>
      <c r="T6" s="3"/>
      <c r="U6" s="3" t="s">
        <v>37</v>
      </c>
      <c r="V6" s="3" t="s">
        <v>37</v>
      </c>
    </row>
    <row r="7" spans="1:22" x14ac:dyDescent="0.25">
      <c r="A7" s="3" t="s">
        <v>22</v>
      </c>
      <c r="B7" s="4" t="s">
        <v>23</v>
      </c>
      <c r="C7" s="3" t="s">
        <v>24</v>
      </c>
      <c r="D7" s="5" t="s">
        <v>71</v>
      </c>
      <c r="E7" s="3" t="s">
        <v>72</v>
      </c>
      <c r="F7" s="3" t="s">
        <v>73</v>
      </c>
      <c r="G7" s="3" t="s">
        <v>74</v>
      </c>
      <c r="H7" s="3" t="s">
        <v>59</v>
      </c>
      <c r="I7" s="3" t="s">
        <v>75</v>
      </c>
      <c r="J7" s="3" t="s">
        <v>76</v>
      </c>
      <c r="K7" s="3" t="s">
        <v>32</v>
      </c>
      <c r="L7" s="3" t="s">
        <v>33</v>
      </c>
      <c r="M7" s="3" t="s">
        <v>68</v>
      </c>
      <c r="N7" s="3" t="s">
        <v>77</v>
      </c>
      <c r="O7" s="3" t="s">
        <v>53</v>
      </c>
      <c r="P7" s="3" t="s">
        <v>37</v>
      </c>
      <c r="Q7" s="3" t="s">
        <v>37</v>
      </c>
      <c r="R7" s="3" t="s">
        <v>39</v>
      </c>
      <c r="S7" s="3" t="s">
        <v>78</v>
      </c>
      <c r="T7" s="3"/>
      <c r="U7" s="3" t="s">
        <v>37</v>
      </c>
      <c r="V7" s="3" t="s">
        <v>37</v>
      </c>
    </row>
    <row r="8" spans="1:22" x14ac:dyDescent="0.25">
      <c r="A8" s="3" t="s">
        <v>22</v>
      </c>
      <c r="B8" s="4" t="s">
        <v>23</v>
      </c>
      <c r="C8" s="3" t="s">
        <v>24</v>
      </c>
      <c r="D8" s="5" t="s">
        <v>79</v>
      </c>
      <c r="E8" s="3" t="s">
        <v>72</v>
      </c>
      <c r="F8" s="3" t="s">
        <v>80</v>
      </c>
      <c r="G8" s="3" t="s">
        <v>81</v>
      </c>
      <c r="H8" s="3" t="s">
        <v>59</v>
      </c>
      <c r="I8" s="3" t="s">
        <v>75</v>
      </c>
      <c r="J8" s="3" t="s">
        <v>82</v>
      </c>
      <c r="K8" s="3" t="s">
        <v>32</v>
      </c>
      <c r="L8" s="3" t="s">
        <v>33</v>
      </c>
      <c r="M8" s="3" t="s">
        <v>68</v>
      </c>
      <c r="N8" s="3" t="s">
        <v>77</v>
      </c>
      <c r="O8" s="3" t="s">
        <v>53</v>
      </c>
      <c r="P8" s="3" t="s">
        <v>54</v>
      </c>
      <c r="Q8" s="3" t="s">
        <v>37</v>
      </c>
      <c r="R8" s="3" t="s">
        <v>39</v>
      </c>
      <c r="S8" s="3" t="s">
        <v>83</v>
      </c>
      <c r="T8" s="3"/>
      <c r="U8" s="3" t="s">
        <v>37</v>
      </c>
      <c r="V8" s="3" t="s">
        <v>37</v>
      </c>
    </row>
    <row r="9" spans="1:22" x14ac:dyDescent="0.25">
      <c r="A9" s="3" t="s">
        <v>22</v>
      </c>
      <c r="B9" s="4" t="s">
        <v>23</v>
      </c>
      <c r="C9" s="3" t="s">
        <v>24</v>
      </c>
      <c r="D9" s="5" t="s">
        <v>84</v>
      </c>
      <c r="E9" s="3" t="s">
        <v>47</v>
      </c>
      <c r="F9" s="3" t="s">
        <v>85</v>
      </c>
      <c r="G9" s="3" t="s">
        <v>86</v>
      </c>
      <c r="H9" s="3" t="s">
        <v>87</v>
      </c>
      <c r="I9" s="3" t="s">
        <v>50</v>
      </c>
      <c r="J9" s="3" t="s">
        <v>88</v>
      </c>
      <c r="K9" s="3" t="s">
        <v>32</v>
      </c>
      <c r="L9" s="3" t="s">
        <v>33</v>
      </c>
      <c r="M9" s="3" t="s">
        <v>34</v>
      </c>
      <c r="N9" s="3" t="s">
        <v>69</v>
      </c>
      <c r="O9" s="3" t="s">
        <v>53</v>
      </c>
      <c r="P9" s="3" t="s">
        <v>54</v>
      </c>
      <c r="Q9" s="3" t="s">
        <v>37</v>
      </c>
      <c r="R9" s="3" t="s">
        <v>39</v>
      </c>
      <c r="S9" s="3" t="s">
        <v>89</v>
      </c>
      <c r="T9" s="3"/>
      <c r="U9" s="3" t="s">
        <v>37</v>
      </c>
      <c r="V9" s="3" t="s">
        <v>37</v>
      </c>
    </row>
    <row r="10" spans="1:22" x14ac:dyDescent="0.25">
      <c r="A10" s="3" t="s">
        <v>22</v>
      </c>
      <c r="B10" s="4" t="s">
        <v>23</v>
      </c>
      <c r="C10" s="3" t="s">
        <v>24</v>
      </c>
      <c r="D10" s="5" t="s">
        <v>90</v>
      </c>
      <c r="E10" s="3" t="s">
        <v>47</v>
      </c>
      <c r="F10" s="3" t="s">
        <v>91</v>
      </c>
      <c r="G10" s="3" t="s">
        <v>92</v>
      </c>
      <c r="H10" s="3" t="s">
        <v>87</v>
      </c>
      <c r="I10" s="3" t="s">
        <v>50</v>
      </c>
      <c r="J10" s="3" t="s">
        <v>93</v>
      </c>
      <c r="K10" s="3" t="s">
        <v>32</v>
      </c>
      <c r="L10" s="3" t="s">
        <v>33</v>
      </c>
      <c r="M10" s="3" t="s">
        <v>34</v>
      </c>
      <c r="N10" s="3" t="s">
        <v>69</v>
      </c>
      <c r="O10" s="3" t="s">
        <v>53</v>
      </c>
      <c r="P10" s="3" t="s">
        <v>54</v>
      </c>
      <c r="Q10" s="3" t="s">
        <v>37</v>
      </c>
      <c r="R10" s="3" t="s">
        <v>39</v>
      </c>
      <c r="S10" s="3" t="s">
        <v>94</v>
      </c>
      <c r="T10" s="3"/>
      <c r="U10" s="3" t="s">
        <v>37</v>
      </c>
      <c r="V10" s="3" t="s">
        <v>37</v>
      </c>
    </row>
    <row r="11" spans="1:22" x14ac:dyDescent="0.25">
      <c r="A11" s="3" t="s">
        <v>22</v>
      </c>
      <c r="B11" s="4" t="s">
        <v>23</v>
      </c>
      <c r="C11" s="3" t="s">
        <v>24</v>
      </c>
      <c r="D11" s="5" t="s">
        <v>95</v>
      </c>
      <c r="E11" s="3" t="s">
        <v>47</v>
      </c>
      <c r="F11" s="3" t="s">
        <v>96</v>
      </c>
      <c r="G11" s="3" t="s">
        <v>97</v>
      </c>
      <c r="H11" s="3" t="s">
        <v>87</v>
      </c>
      <c r="I11" s="3" t="s">
        <v>50</v>
      </c>
      <c r="J11" s="3" t="s">
        <v>98</v>
      </c>
      <c r="K11" s="3" t="s">
        <v>32</v>
      </c>
      <c r="L11" s="3" t="s">
        <v>33</v>
      </c>
      <c r="M11" s="3" t="s">
        <v>34</v>
      </c>
      <c r="N11" s="3" t="s">
        <v>69</v>
      </c>
      <c r="O11" s="3" t="s">
        <v>53</v>
      </c>
      <c r="P11" s="3" t="s">
        <v>54</v>
      </c>
      <c r="Q11" s="3" t="s">
        <v>37</v>
      </c>
      <c r="R11" s="3" t="s">
        <v>39</v>
      </c>
      <c r="S11" s="3" t="s">
        <v>99</v>
      </c>
      <c r="T11" s="3"/>
      <c r="U11" s="3" t="s">
        <v>37</v>
      </c>
      <c r="V11" s="3" t="s">
        <v>37</v>
      </c>
    </row>
    <row r="12" spans="1:22" x14ac:dyDescent="0.25">
      <c r="A12" s="3" t="s">
        <v>22</v>
      </c>
      <c r="B12" s="4" t="s">
        <v>23</v>
      </c>
      <c r="C12" s="3" t="s">
        <v>24</v>
      </c>
      <c r="D12" s="5" t="s">
        <v>100</v>
      </c>
      <c r="E12" s="3" t="s">
        <v>47</v>
      </c>
      <c r="F12" s="3" t="s">
        <v>101</v>
      </c>
      <c r="G12" s="3" t="s">
        <v>102</v>
      </c>
      <c r="H12" s="3" t="s">
        <v>87</v>
      </c>
      <c r="I12" s="3" t="s">
        <v>50</v>
      </c>
      <c r="J12" s="3" t="s">
        <v>103</v>
      </c>
      <c r="K12" s="3" t="s">
        <v>32</v>
      </c>
      <c r="L12" s="3" t="s">
        <v>33</v>
      </c>
      <c r="M12" s="3" t="s">
        <v>34</v>
      </c>
      <c r="N12" s="3" t="s">
        <v>69</v>
      </c>
      <c r="O12" s="3" t="s">
        <v>53</v>
      </c>
      <c r="P12" s="3" t="s">
        <v>54</v>
      </c>
      <c r="Q12" s="3" t="s">
        <v>37</v>
      </c>
      <c r="R12" s="3" t="s">
        <v>39</v>
      </c>
      <c r="S12" s="3" t="s">
        <v>104</v>
      </c>
      <c r="T12" s="3"/>
      <c r="U12" s="3" t="s">
        <v>37</v>
      </c>
      <c r="V12" s="3" t="s">
        <v>37</v>
      </c>
    </row>
    <row r="13" spans="1:22" x14ac:dyDescent="0.25">
      <c r="A13" s="3" t="s">
        <v>22</v>
      </c>
      <c r="B13" s="4" t="s">
        <v>23</v>
      </c>
      <c r="C13" s="3" t="s">
        <v>24</v>
      </c>
      <c r="D13" s="5" t="s">
        <v>105</v>
      </c>
      <c r="E13" s="3" t="s">
        <v>47</v>
      </c>
      <c r="F13" s="3" t="s">
        <v>106</v>
      </c>
      <c r="G13" s="3" t="s">
        <v>107</v>
      </c>
      <c r="H13" s="3" t="s">
        <v>87</v>
      </c>
      <c r="I13" s="3" t="s">
        <v>50</v>
      </c>
      <c r="J13" s="3" t="s">
        <v>108</v>
      </c>
      <c r="K13" s="3" t="s">
        <v>32</v>
      </c>
      <c r="L13" s="3" t="s">
        <v>33</v>
      </c>
      <c r="M13" s="3" t="s">
        <v>34</v>
      </c>
      <c r="N13" s="3" t="s">
        <v>69</v>
      </c>
      <c r="O13" s="3" t="s">
        <v>53</v>
      </c>
      <c r="P13" s="3" t="s">
        <v>54</v>
      </c>
      <c r="Q13" s="3" t="s">
        <v>37</v>
      </c>
      <c r="R13" s="3" t="s">
        <v>39</v>
      </c>
      <c r="S13" s="3" t="s">
        <v>109</v>
      </c>
      <c r="T13" s="3"/>
      <c r="U13" s="3" t="s">
        <v>37</v>
      </c>
      <c r="V13" s="3" t="s">
        <v>37</v>
      </c>
    </row>
    <row r="14" spans="1:22" x14ac:dyDescent="0.25">
      <c r="A14" s="3" t="s">
        <v>22</v>
      </c>
      <c r="B14" s="4" t="s">
        <v>23</v>
      </c>
      <c r="C14" s="3" t="s">
        <v>24</v>
      </c>
      <c r="D14" s="5" t="s">
        <v>110</v>
      </c>
      <c r="E14" s="3" t="s">
        <v>111</v>
      </c>
      <c r="F14" s="3" t="s">
        <v>112</v>
      </c>
      <c r="G14" s="3" t="s">
        <v>49</v>
      </c>
      <c r="H14" s="3" t="s">
        <v>29</v>
      </c>
      <c r="I14" s="3" t="s">
        <v>37</v>
      </c>
      <c r="J14" s="3" t="s">
        <v>113</v>
      </c>
      <c r="K14" s="3" t="s">
        <v>32</v>
      </c>
      <c r="L14" s="3" t="s">
        <v>114</v>
      </c>
      <c r="M14" s="3" t="s">
        <v>68</v>
      </c>
      <c r="N14" s="3" t="s">
        <v>69</v>
      </c>
      <c r="O14" s="3" t="s">
        <v>53</v>
      </c>
      <c r="P14" s="3" t="s">
        <v>37</v>
      </c>
      <c r="Q14" s="3" t="s">
        <v>37</v>
      </c>
      <c r="R14" s="3" t="s">
        <v>39</v>
      </c>
      <c r="S14" s="3" t="s">
        <v>115</v>
      </c>
      <c r="T14" s="3"/>
      <c r="U14" s="3" t="s">
        <v>37</v>
      </c>
      <c r="V14" s="3" t="s">
        <v>37</v>
      </c>
    </row>
    <row r="15" spans="1:22" x14ac:dyDescent="0.25">
      <c r="A15" s="3" t="s">
        <v>22</v>
      </c>
      <c r="B15" s="4" t="s">
        <v>23</v>
      </c>
      <c r="C15" s="3" t="s">
        <v>24</v>
      </c>
      <c r="D15" s="5" t="s">
        <v>116</v>
      </c>
      <c r="E15" s="3" t="s">
        <v>117</v>
      </c>
      <c r="F15" s="3" t="s">
        <v>118</v>
      </c>
      <c r="G15" s="3" t="s">
        <v>29</v>
      </c>
      <c r="H15" s="3" t="s">
        <v>29</v>
      </c>
      <c r="I15" s="3" t="s">
        <v>119</v>
      </c>
      <c r="J15" s="3" t="s">
        <v>120</v>
      </c>
      <c r="K15" s="3" t="s">
        <v>32</v>
      </c>
      <c r="L15" s="3" t="s">
        <v>33</v>
      </c>
      <c r="M15" s="3" t="s">
        <v>68</v>
      </c>
      <c r="N15" s="3" t="s">
        <v>69</v>
      </c>
      <c r="O15" s="3" t="s">
        <v>53</v>
      </c>
      <c r="P15" s="3" t="s">
        <v>37</v>
      </c>
      <c r="Q15" s="3" t="s">
        <v>37</v>
      </c>
      <c r="R15" s="3" t="s">
        <v>39</v>
      </c>
      <c r="S15" s="3" t="s">
        <v>121</v>
      </c>
      <c r="T15" s="3"/>
      <c r="U15" s="3" t="s">
        <v>37</v>
      </c>
      <c r="V15" s="3" t="s">
        <v>37</v>
      </c>
    </row>
    <row r="16" spans="1:22" x14ac:dyDescent="0.25">
      <c r="A16" s="3" t="s">
        <v>22</v>
      </c>
      <c r="B16" s="4" t="s">
        <v>23</v>
      </c>
      <c r="C16" s="3" t="s">
        <v>24</v>
      </c>
      <c r="D16" s="5" t="s">
        <v>122</v>
      </c>
      <c r="E16" s="3" t="s">
        <v>117</v>
      </c>
      <c r="F16" s="3" t="s">
        <v>123</v>
      </c>
      <c r="G16" s="3" t="s">
        <v>124</v>
      </c>
      <c r="H16" s="3" t="s">
        <v>29</v>
      </c>
      <c r="I16" s="3" t="s">
        <v>119</v>
      </c>
      <c r="J16" s="3" t="s">
        <v>125</v>
      </c>
      <c r="K16" s="3" t="s">
        <v>32</v>
      </c>
      <c r="L16" s="3" t="s">
        <v>33</v>
      </c>
      <c r="M16" s="3" t="s">
        <v>68</v>
      </c>
      <c r="N16" s="3" t="s">
        <v>69</v>
      </c>
      <c r="O16" s="3" t="s">
        <v>446</v>
      </c>
      <c r="P16" s="3" t="s">
        <v>37</v>
      </c>
      <c r="Q16" s="3" t="s">
        <v>37</v>
      </c>
      <c r="R16" s="3" t="s">
        <v>39</v>
      </c>
      <c r="S16" s="3" t="s">
        <v>126</v>
      </c>
      <c r="T16" s="3"/>
      <c r="U16" s="3" t="s">
        <v>37</v>
      </c>
      <c r="V16" s="3" t="s">
        <v>37</v>
      </c>
    </row>
    <row r="17" spans="1:22" x14ac:dyDescent="0.25">
      <c r="A17" s="3" t="s">
        <v>22</v>
      </c>
      <c r="B17" s="4" t="s">
        <v>23</v>
      </c>
      <c r="C17" s="3" t="s">
        <v>24</v>
      </c>
      <c r="D17" s="5" t="s">
        <v>128</v>
      </c>
      <c r="E17" s="3" t="s">
        <v>47</v>
      </c>
      <c r="F17" s="3" t="s">
        <v>129</v>
      </c>
      <c r="G17" s="3" t="s">
        <v>28</v>
      </c>
      <c r="H17" s="3" t="s">
        <v>29</v>
      </c>
      <c r="I17" s="3" t="s">
        <v>50</v>
      </c>
      <c r="J17" s="3" t="s">
        <v>130</v>
      </c>
      <c r="K17" s="3" t="s">
        <v>32</v>
      </c>
      <c r="L17" s="3" t="s">
        <v>33</v>
      </c>
      <c r="M17" s="3" t="s">
        <v>34</v>
      </c>
      <c r="N17" s="3" t="s">
        <v>52</v>
      </c>
      <c r="O17" s="3" t="s">
        <v>53</v>
      </c>
      <c r="P17" s="3" t="s">
        <v>54</v>
      </c>
      <c r="Q17" s="3" t="s">
        <v>38</v>
      </c>
      <c r="R17" s="3" t="s">
        <v>39</v>
      </c>
      <c r="S17" s="3" t="s">
        <v>131</v>
      </c>
      <c r="T17" s="3"/>
      <c r="U17" s="3" t="s">
        <v>37</v>
      </c>
      <c r="V17" s="3" t="s">
        <v>37</v>
      </c>
    </row>
    <row r="18" spans="1:22" x14ac:dyDescent="0.25">
      <c r="A18" s="3" t="s">
        <v>22</v>
      </c>
      <c r="B18" s="4" t="s">
        <v>23</v>
      </c>
      <c r="C18" s="3" t="s">
        <v>24</v>
      </c>
      <c r="D18" s="5" t="s">
        <v>132</v>
      </c>
      <c r="E18" s="3" t="s">
        <v>47</v>
      </c>
      <c r="F18" s="3" t="s">
        <v>133</v>
      </c>
      <c r="G18" s="3" t="s">
        <v>134</v>
      </c>
      <c r="H18" s="3" t="s">
        <v>29</v>
      </c>
      <c r="I18" s="3" t="s">
        <v>50</v>
      </c>
      <c r="J18" s="3" t="s">
        <v>135</v>
      </c>
      <c r="K18" s="3" t="s">
        <v>32</v>
      </c>
      <c r="L18" s="3" t="s">
        <v>33</v>
      </c>
      <c r="M18" s="3" t="s">
        <v>34</v>
      </c>
      <c r="N18" s="3" t="s">
        <v>52</v>
      </c>
      <c r="O18" s="3" t="s">
        <v>53</v>
      </c>
      <c r="P18" s="3" t="s">
        <v>54</v>
      </c>
      <c r="Q18" s="3" t="s">
        <v>38</v>
      </c>
      <c r="R18" s="3" t="s">
        <v>39</v>
      </c>
      <c r="S18" s="3" t="s">
        <v>136</v>
      </c>
      <c r="T18" s="3"/>
      <c r="U18" s="3" t="s">
        <v>37</v>
      </c>
      <c r="V18" s="3" t="s">
        <v>37</v>
      </c>
    </row>
    <row r="19" spans="1:22" x14ac:dyDescent="0.25">
      <c r="A19" s="3" t="s">
        <v>22</v>
      </c>
      <c r="B19" s="4" t="s">
        <v>23</v>
      </c>
      <c r="C19" s="3" t="s">
        <v>24</v>
      </c>
      <c r="D19" s="5" t="s">
        <v>137</v>
      </c>
      <c r="E19" s="3" t="s">
        <v>138</v>
      </c>
      <c r="F19" s="3" t="s">
        <v>139</v>
      </c>
      <c r="G19" s="3" t="s">
        <v>140</v>
      </c>
      <c r="H19" s="3" t="s">
        <v>29</v>
      </c>
      <c r="I19" s="3" t="s">
        <v>141</v>
      </c>
      <c r="J19" s="3" t="s">
        <v>142</v>
      </c>
      <c r="K19" s="3" t="s">
        <v>32</v>
      </c>
      <c r="L19" s="3" t="s">
        <v>33</v>
      </c>
      <c r="M19" s="3" t="s">
        <v>68</v>
      </c>
      <c r="N19" s="3" t="s">
        <v>77</v>
      </c>
      <c r="O19" s="3" t="s">
        <v>53</v>
      </c>
      <c r="P19" s="3" t="s">
        <v>37</v>
      </c>
      <c r="Q19" s="3" t="s">
        <v>37</v>
      </c>
      <c r="R19" s="3" t="s">
        <v>39</v>
      </c>
      <c r="S19" s="3" t="s">
        <v>143</v>
      </c>
      <c r="T19" s="3"/>
      <c r="U19" s="3" t="s">
        <v>37</v>
      </c>
      <c r="V19" s="3" t="s">
        <v>144</v>
      </c>
    </row>
    <row r="20" spans="1:22" x14ac:dyDescent="0.25">
      <c r="A20" s="3" t="s">
        <v>22</v>
      </c>
      <c r="B20" s="4" t="s">
        <v>23</v>
      </c>
      <c r="C20" s="3" t="s">
        <v>24</v>
      </c>
      <c r="D20" s="5" t="s">
        <v>145</v>
      </c>
      <c r="E20" s="3" t="s">
        <v>138</v>
      </c>
      <c r="F20" s="3" t="s">
        <v>146</v>
      </c>
      <c r="G20" s="3" t="s">
        <v>147</v>
      </c>
      <c r="H20" s="3" t="s">
        <v>29</v>
      </c>
      <c r="I20" s="3" t="s">
        <v>141</v>
      </c>
      <c r="J20" s="3" t="s">
        <v>148</v>
      </c>
      <c r="K20" s="3" t="s">
        <v>32</v>
      </c>
      <c r="L20" s="3" t="s">
        <v>33</v>
      </c>
      <c r="M20" s="3" t="s">
        <v>68</v>
      </c>
      <c r="N20" s="3" t="s">
        <v>77</v>
      </c>
      <c r="O20" s="3" t="s">
        <v>53</v>
      </c>
      <c r="P20" s="3" t="s">
        <v>37</v>
      </c>
      <c r="Q20" s="3" t="s">
        <v>37</v>
      </c>
      <c r="R20" s="3" t="s">
        <v>39</v>
      </c>
      <c r="S20" s="3" t="s">
        <v>149</v>
      </c>
      <c r="T20" s="3"/>
      <c r="U20" s="3" t="s">
        <v>37</v>
      </c>
      <c r="V20" s="3" t="s">
        <v>144</v>
      </c>
    </row>
    <row r="21" spans="1:22" x14ac:dyDescent="0.25">
      <c r="A21" s="3" t="s">
        <v>22</v>
      </c>
      <c r="B21" s="4" t="s">
        <v>23</v>
      </c>
      <c r="C21" s="3" t="s">
        <v>24</v>
      </c>
      <c r="D21" s="5" t="s">
        <v>152</v>
      </c>
      <c r="E21" s="3" t="s">
        <v>153</v>
      </c>
      <c r="F21" s="3" t="s">
        <v>154</v>
      </c>
      <c r="G21" s="3" t="s">
        <v>155</v>
      </c>
      <c r="H21" s="3" t="s">
        <v>29</v>
      </c>
      <c r="I21" s="3" t="s">
        <v>156</v>
      </c>
      <c r="J21" s="3" t="s">
        <v>157</v>
      </c>
      <c r="K21" s="3" t="s">
        <v>32</v>
      </c>
      <c r="L21" s="3" t="s">
        <v>33</v>
      </c>
      <c r="M21" s="3" t="s">
        <v>34</v>
      </c>
      <c r="N21" s="3" t="s">
        <v>77</v>
      </c>
      <c r="O21" s="3" t="s">
        <v>158</v>
      </c>
      <c r="P21" s="3" t="s">
        <v>37</v>
      </c>
      <c r="Q21" s="3" t="s">
        <v>37</v>
      </c>
      <c r="R21" s="3" t="s">
        <v>39</v>
      </c>
      <c r="S21" s="3" t="s">
        <v>159</v>
      </c>
      <c r="T21" s="3"/>
      <c r="U21" s="3" t="s">
        <v>37</v>
      </c>
      <c r="V21" s="3" t="s">
        <v>37</v>
      </c>
    </row>
    <row r="22" spans="1:22" x14ac:dyDescent="0.25">
      <c r="A22" s="3" t="s">
        <v>22</v>
      </c>
      <c r="B22" s="4" t="s">
        <v>23</v>
      </c>
      <c r="C22" s="3" t="s">
        <v>24</v>
      </c>
      <c r="D22" s="5" t="s">
        <v>160</v>
      </c>
      <c r="E22" s="3" t="s">
        <v>153</v>
      </c>
      <c r="F22" s="3" t="s">
        <v>161</v>
      </c>
      <c r="G22" s="3" t="s">
        <v>162</v>
      </c>
      <c r="H22" s="3" t="s">
        <v>29</v>
      </c>
      <c r="I22" s="3" t="s">
        <v>156</v>
      </c>
      <c r="J22" s="3" t="s">
        <v>163</v>
      </c>
      <c r="K22" s="3" t="s">
        <v>32</v>
      </c>
      <c r="L22" s="3" t="s">
        <v>33</v>
      </c>
      <c r="M22" s="3" t="s">
        <v>34</v>
      </c>
      <c r="N22" s="3" t="s">
        <v>77</v>
      </c>
      <c r="O22" s="3" t="s">
        <v>158</v>
      </c>
      <c r="P22" s="3" t="s">
        <v>37</v>
      </c>
      <c r="Q22" s="3" t="s">
        <v>37</v>
      </c>
      <c r="R22" s="3" t="s">
        <v>39</v>
      </c>
      <c r="S22" s="3" t="s">
        <v>164</v>
      </c>
      <c r="T22" s="3"/>
      <c r="U22" s="3" t="s">
        <v>37</v>
      </c>
      <c r="V22" s="3" t="s">
        <v>37</v>
      </c>
    </row>
    <row r="23" spans="1:22" x14ac:dyDescent="0.25">
      <c r="A23" s="3" t="s">
        <v>22</v>
      </c>
      <c r="B23" s="4" t="s">
        <v>23</v>
      </c>
      <c r="C23" s="3" t="s">
        <v>24</v>
      </c>
      <c r="D23" s="5" t="s">
        <v>165</v>
      </c>
      <c r="E23" s="3" t="s">
        <v>153</v>
      </c>
      <c r="F23" s="3" t="s">
        <v>166</v>
      </c>
      <c r="G23" s="3" t="s">
        <v>66</v>
      </c>
      <c r="H23" s="3" t="s">
        <v>29</v>
      </c>
      <c r="I23" s="3" t="s">
        <v>156</v>
      </c>
      <c r="J23" s="3" t="s">
        <v>167</v>
      </c>
      <c r="K23" s="3" t="s">
        <v>32</v>
      </c>
      <c r="L23" s="3" t="s">
        <v>33</v>
      </c>
      <c r="M23" s="3" t="s">
        <v>34</v>
      </c>
      <c r="N23" s="3" t="s">
        <v>77</v>
      </c>
      <c r="O23" s="3" t="s">
        <v>158</v>
      </c>
      <c r="P23" s="3" t="s">
        <v>37</v>
      </c>
      <c r="Q23" s="3" t="s">
        <v>37</v>
      </c>
      <c r="R23" s="3" t="s">
        <v>39</v>
      </c>
      <c r="S23" s="3" t="s">
        <v>168</v>
      </c>
      <c r="T23" s="3"/>
      <c r="U23" s="3" t="s">
        <v>37</v>
      </c>
      <c r="V23" s="3" t="s">
        <v>37</v>
      </c>
    </row>
    <row r="24" spans="1:22" x14ac:dyDescent="0.25">
      <c r="A24" s="3" t="s">
        <v>22</v>
      </c>
      <c r="B24" s="4" t="s">
        <v>23</v>
      </c>
      <c r="C24" s="3" t="s">
        <v>24</v>
      </c>
      <c r="D24" s="5" t="s">
        <v>169</v>
      </c>
      <c r="E24" s="3" t="s">
        <v>72</v>
      </c>
      <c r="F24" s="3" t="s">
        <v>170</v>
      </c>
      <c r="G24" s="3" t="s">
        <v>171</v>
      </c>
      <c r="H24" s="3" t="s">
        <v>59</v>
      </c>
      <c r="I24" s="3" t="s">
        <v>75</v>
      </c>
      <c r="J24" s="3" t="s">
        <v>172</v>
      </c>
      <c r="K24" s="3" t="s">
        <v>32</v>
      </c>
      <c r="L24" s="3" t="s">
        <v>33</v>
      </c>
      <c r="M24" s="3" t="s">
        <v>68</v>
      </c>
      <c r="N24" s="3" t="s">
        <v>77</v>
      </c>
      <c r="O24" s="3" t="s">
        <v>53</v>
      </c>
      <c r="P24" s="3" t="s">
        <v>54</v>
      </c>
      <c r="Q24" s="3" t="s">
        <v>37</v>
      </c>
      <c r="R24" s="3" t="s">
        <v>39</v>
      </c>
      <c r="S24" s="3" t="s">
        <v>173</v>
      </c>
      <c r="T24" s="3"/>
      <c r="U24" s="3" t="s">
        <v>37</v>
      </c>
      <c r="V24" s="3" t="s">
        <v>37</v>
      </c>
    </row>
    <row r="25" spans="1:22" x14ac:dyDescent="0.25">
      <c r="A25" s="3" t="s">
        <v>22</v>
      </c>
      <c r="B25" s="4" t="s">
        <v>23</v>
      </c>
      <c r="C25" s="3" t="s">
        <v>24</v>
      </c>
      <c r="D25" s="5" t="s">
        <v>174</v>
      </c>
      <c r="E25" s="3" t="s">
        <v>72</v>
      </c>
      <c r="F25" s="3" t="s">
        <v>175</v>
      </c>
      <c r="G25" s="3" t="s">
        <v>176</v>
      </c>
      <c r="H25" s="3" t="s">
        <v>59</v>
      </c>
      <c r="I25" s="3" t="s">
        <v>75</v>
      </c>
      <c r="J25" s="3" t="s">
        <v>177</v>
      </c>
      <c r="K25" s="3" t="s">
        <v>32</v>
      </c>
      <c r="L25" s="3" t="s">
        <v>33</v>
      </c>
      <c r="M25" s="3" t="s">
        <v>68</v>
      </c>
      <c r="N25" s="3" t="s">
        <v>77</v>
      </c>
      <c r="O25" s="3" t="s">
        <v>53</v>
      </c>
      <c r="P25" s="3" t="s">
        <v>54</v>
      </c>
      <c r="Q25" s="3" t="s">
        <v>37</v>
      </c>
      <c r="R25" s="3" t="s">
        <v>39</v>
      </c>
      <c r="S25" s="3" t="s">
        <v>178</v>
      </c>
      <c r="T25" s="3"/>
      <c r="U25" s="3" t="s">
        <v>37</v>
      </c>
      <c r="V25" s="3" t="s">
        <v>37</v>
      </c>
    </row>
    <row r="26" spans="1:22" x14ac:dyDescent="0.25">
      <c r="A26" s="3" t="s">
        <v>22</v>
      </c>
      <c r="B26" s="4" t="s">
        <v>23</v>
      </c>
      <c r="C26" s="3" t="s">
        <v>24</v>
      </c>
      <c r="D26" s="5" t="s">
        <v>179</v>
      </c>
      <c r="E26" s="3" t="s">
        <v>180</v>
      </c>
      <c r="F26" s="3" t="s">
        <v>37</v>
      </c>
      <c r="G26" s="3" t="s">
        <v>37</v>
      </c>
      <c r="H26" s="3" t="s">
        <v>37</v>
      </c>
      <c r="I26" s="3" t="s">
        <v>181</v>
      </c>
      <c r="J26" s="3" t="s">
        <v>182</v>
      </c>
      <c r="K26" s="3" t="s">
        <v>183</v>
      </c>
      <c r="L26" s="3" t="s">
        <v>114</v>
      </c>
      <c r="M26" s="3" t="s">
        <v>34</v>
      </c>
      <c r="N26" s="3" t="s">
        <v>184</v>
      </c>
      <c r="O26" s="3" t="s">
        <v>909</v>
      </c>
      <c r="P26" s="3" t="s">
        <v>37</v>
      </c>
      <c r="Q26" s="3" t="s">
        <v>37</v>
      </c>
      <c r="R26" s="3" t="s">
        <v>39</v>
      </c>
      <c r="S26" s="3" t="s">
        <v>185</v>
      </c>
      <c r="T26" s="3"/>
      <c r="U26" s="3" t="s">
        <v>37</v>
      </c>
      <c r="V26" s="3" t="s">
        <v>37</v>
      </c>
    </row>
    <row r="27" spans="1:22" x14ac:dyDescent="0.25">
      <c r="A27" s="3" t="s">
        <v>22</v>
      </c>
      <c r="B27" s="4" t="s">
        <v>23</v>
      </c>
      <c r="C27" s="3" t="s">
        <v>24</v>
      </c>
      <c r="D27" s="5" t="s">
        <v>186</v>
      </c>
      <c r="E27" s="3" t="s">
        <v>187</v>
      </c>
      <c r="F27" s="3" t="s">
        <v>188</v>
      </c>
      <c r="G27" s="3" t="s">
        <v>189</v>
      </c>
      <c r="H27" s="3" t="s">
        <v>59</v>
      </c>
      <c r="I27" s="3" t="s">
        <v>37</v>
      </c>
      <c r="J27" s="3" t="s">
        <v>37</v>
      </c>
      <c r="K27" s="3" t="s">
        <v>32</v>
      </c>
      <c r="L27" s="3" t="s">
        <v>114</v>
      </c>
      <c r="M27" s="3" t="s">
        <v>68</v>
      </c>
      <c r="N27" s="3" t="s">
        <v>190</v>
      </c>
      <c r="O27" s="3" t="s">
        <v>53</v>
      </c>
      <c r="P27" s="3" t="s">
        <v>54</v>
      </c>
      <c r="Q27" s="3" t="s">
        <v>37</v>
      </c>
      <c r="R27" s="3" t="s">
        <v>39</v>
      </c>
      <c r="S27" s="3" t="s">
        <v>191</v>
      </c>
      <c r="T27" s="3" t="s">
        <v>127</v>
      </c>
      <c r="U27" s="3" t="s">
        <v>37</v>
      </c>
      <c r="V27" s="3" t="s">
        <v>37</v>
      </c>
    </row>
    <row r="28" spans="1:22" x14ac:dyDescent="0.25">
      <c r="A28" s="3" t="s">
        <v>22</v>
      </c>
      <c r="B28" s="4" t="s">
        <v>23</v>
      </c>
      <c r="C28" s="3" t="s">
        <v>24</v>
      </c>
      <c r="D28" s="5" t="s">
        <v>192</v>
      </c>
      <c r="E28" s="3" t="s">
        <v>187</v>
      </c>
      <c r="F28" s="3" t="s">
        <v>193</v>
      </c>
      <c r="G28" s="3" t="s">
        <v>171</v>
      </c>
      <c r="H28" s="3" t="s">
        <v>59</v>
      </c>
      <c r="I28" s="3" t="s">
        <v>37</v>
      </c>
      <c r="J28" s="3" t="s">
        <v>194</v>
      </c>
      <c r="K28" s="3" t="s">
        <v>32</v>
      </c>
      <c r="L28" s="3" t="s">
        <v>114</v>
      </c>
      <c r="M28" s="3" t="s">
        <v>68</v>
      </c>
      <c r="N28" s="3" t="s">
        <v>190</v>
      </c>
      <c r="O28" s="3" t="s">
        <v>36</v>
      </c>
      <c r="P28" s="3" t="s">
        <v>54</v>
      </c>
      <c r="Q28" s="3" t="s">
        <v>37</v>
      </c>
      <c r="R28" s="3" t="s">
        <v>39</v>
      </c>
      <c r="S28" s="3" t="s">
        <v>195</v>
      </c>
      <c r="T28" s="3" t="s">
        <v>127</v>
      </c>
      <c r="U28" s="3" t="s">
        <v>37</v>
      </c>
      <c r="V28" s="3" t="s">
        <v>37</v>
      </c>
    </row>
    <row r="29" spans="1:22" x14ac:dyDescent="0.25">
      <c r="A29" s="3" t="s">
        <v>22</v>
      </c>
      <c r="B29" s="4" t="s">
        <v>23</v>
      </c>
      <c r="C29" s="3" t="s">
        <v>24</v>
      </c>
      <c r="D29" s="5" t="s">
        <v>196</v>
      </c>
      <c r="E29" s="3" t="s">
        <v>187</v>
      </c>
      <c r="F29" s="3" t="s">
        <v>197</v>
      </c>
      <c r="G29" s="3" t="s">
        <v>176</v>
      </c>
      <c r="H29" s="3" t="s">
        <v>59</v>
      </c>
      <c r="I29" s="3" t="s">
        <v>37</v>
      </c>
      <c r="J29" s="3" t="s">
        <v>194</v>
      </c>
      <c r="K29" s="3" t="s">
        <v>32</v>
      </c>
      <c r="L29" s="3" t="s">
        <v>114</v>
      </c>
      <c r="M29" s="3" t="s">
        <v>68</v>
      </c>
      <c r="N29" s="3" t="s">
        <v>190</v>
      </c>
      <c r="O29" s="3" t="s">
        <v>36</v>
      </c>
      <c r="P29" s="3" t="s">
        <v>37</v>
      </c>
      <c r="Q29" s="3" t="s">
        <v>37</v>
      </c>
      <c r="R29" s="3" t="s">
        <v>39</v>
      </c>
      <c r="S29" s="3" t="s">
        <v>198</v>
      </c>
      <c r="T29" s="3" t="s">
        <v>127</v>
      </c>
      <c r="U29" s="3" t="s">
        <v>37</v>
      </c>
      <c r="V29" s="3" t="s">
        <v>37</v>
      </c>
    </row>
    <row r="30" spans="1:22" x14ac:dyDescent="0.25">
      <c r="A30" s="3" t="s">
        <v>22</v>
      </c>
      <c r="B30" s="4" t="s">
        <v>23</v>
      </c>
      <c r="C30" s="3" t="s">
        <v>24</v>
      </c>
      <c r="D30" s="5" t="s">
        <v>199</v>
      </c>
      <c r="E30" s="3" t="s">
        <v>47</v>
      </c>
      <c r="F30" s="3" t="s">
        <v>200</v>
      </c>
      <c r="G30" s="3" t="s">
        <v>201</v>
      </c>
      <c r="H30" s="3" t="s">
        <v>29</v>
      </c>
      <c r="I30" s="3" t="s">
        <v>50</v>
      </c>
      <c r="J30" s="3" t="s">
        <v>202</v>
      </c>
      <c r="K30" s="3" t="s">
        <v>32</v>
      </c>
      <c r="L30" s="3" t="s">
        <v>33</v>
      </c>
      <c r="M30" s="3" t="s">
        <v>34</v>
      </c>
      <c r="N30" s="3" t="s">
        <v>52</v>
      </c>
      <c r="O30" s="3" t="s">
        <v>53</v>
      </c>
      <c r="P30" s="3" t="s">
        <v>54</v>
      </c>
      <c r="Q30" s="3" t="s">
        <v>38</v>
      </c>
      <c r="R30" s="3" t="s">
        <v>39</v>
      </c>
      <c r="S30" s="3" t="s">
        <v>203</v>
      </c>
      <c r="T30" s="3"/>
      <c r="U30" s="3" t="s">
        <v>37</v>
      </c>
      <c r="V30" s="3" t="s">
        <v>37</v>
      </c>
    </row>
    <row r="31" spans="1:22" x14ac:dyDescent="0.25">
      <c r="A31" s="3" t="s">
        <v>22</v>
      </c>
      <c r="B31" s="4" t="s">
        <v>23</v>
      </c>
      <c r="C31" s="3" t="s">
        <v>24</v>
      </c>
      <c r="D31" s="5" t="s">
        <v>204</v>
      </c>
      <c r="E31" s="3" t="s">
        <v>47</v>
      </c>
      <c r="F31" s="3" t="s">
        <v>205</v>
      </c>
      <c r="G31" s="3" t="s">
        <v>206</v>
      </c>
      <c r="H31" s="3" t="s">
        <v>59</v>
      </c>
      <c r="I31" s="3" t="s">
        <v>50</v>
      </c>
      <c r="J31" s="3" t="s">
        <v>207</v>
      </c>
      <c r="K31" s="3" t="s">
        <v>32</v>
      </c>
      <c r="L31" s="3" t="s">
        <v>37</v>
      </c>
      <c r="M31" s="3" t="s">
        <v>34</v>
      </c>
      <c r="N31" s="3" t="s">
        <v>61</v>
      </c>
      <c r="O31" s="3" t="s">
        <v>53</v>
      </c>
      <c r="P31" s="3" t="s">
        <v>54</v>
      </c>
      <c r="Q31" s="3" t="s">
        <v>37</v>
      </c>
      <c r="R31" s="3" t="s">
        <v>39</v>
      </c>
      <c r="S31" s="3" t="s">
        <v>208</v>
      </c>
      <c r="T31" s="3"/>
      <c r="U31" s="3" t="s">
        <v>37</v>
      </c>
      <c r="V31" s="3" t="s">
        <v>37</v>
      </c>
    </row>
    <row r="32" spans="1:22" x14ac:dyDescent="0.25">
      <c r="A32" s="3" t="s">
        <v>22</v>
      </c>
      <c r="B32" s="4" t="s">
        <v>23</v>
      </c>
      <c r="C32" s="3" t="s">
        <v>24</v>
      </c>
      <c r="D32" s="5" t="s">
        <v>209</v>
      </c>
      <c r="E32" s="3" t="s">
        <v>47</v>
      </c>
      <c r="F32" s="3" t="s">
        <v>210</v>
      </c>
      <c r="G32" s="3" t="s">
        <v>211</v>
      </c>
      <c r="H32" s="3" t="s">
        <v>59</v>
      </c>
      <c r="I32" s="3" t="s">
        <v>50</v>
      </c>
      <c r="J32" s="3" t="s">
        <v>212</v>
      </c>
      <c r="K32" s="3" t="s">
        <v>32</v>
      </c>
      <c r="L32" s="3" t="s">
        <v>33</v>
      </c>
      <c r="M32" s="3" t="s">
        <v>34</v>
      </c>
      <c r="N32" s="3" t="s">
        <v>61</v>
      </c>
      <c r="O32" s="3" t="s">
        <v>53</v>
      </c>
      <c r="P32" s="3" t="s">
        <v>54</v>
      </c>
      <c r="Q32" s="3" t="s">
        <v>37</v>
      </c>
      <c r="R32" s="3" t="s">
        <v>39</v>
      </c>
      <c r="S32" s="3" t="s">
        <v>213</v>
      </c>
      <c r="T32" s="3"/>
      <c r="U32" s="3" t="s">
        <v>37</v>
      </c>
      <c r="V32" s="3" t="s">
        <v>37</v>
      </c>
    </row>
    <row r="33" spans="1:22" x14ac:dyDescent="0.25">
      <c r="A33" s="3" t="s">
        <v>22</v>
      </c>
      <c r="B33" s="4" t="s">
        <v>23</v>
      </c>
      <c r="C33" s="3" t="s">
        <v>24</v>
      </c>
      <c r="D33" s="5" t="s">
        <v>214</v>
      </c>
      <c r="E33" s="3" t="s">
        <v>47</v>
      </c>
      <c r="F33" s="3" t="s">
        <v>215</v>
      </c>
      <c r="G33" s="3" t="s">
        <v>216</v>
      </c>
      <c r="H33" s="3" t="s">
        <v>59</v>
      </c>
      <c r="I33" s="3" t="s">
        <v>50</v>
      </c>
      <c r="J33" s="3" t="s">
        <v>217</v>
      </c>
      <c r="K33" s="3" t="s">
        <v>32</v>
      </c>
      <c r="L33" s="3" t="s">
        <v>33</v>
      </c>
      <c r="M33" s="3" t="s">
        <v>34</v>
      </c>
      <c r="N33" s="3" t="s">
        <v>61</v>
      </c>
      <c r="O33" s="3" t="s">
        <v>53</v>
      </c>
      <c r="P33" s="3" t="s">
        <v>54</v>
      </c>
      <c r="Q33" s="3" t="s">
        <v>37</v>
      </c>
      <c r="R33" s="3" t="s">
        <v>39</v>
      </c>
      <c r="S33" s="3" t="s">
        <v>218</v>
      </c>
      <c r="T33" s="3"/>
      <c r="U33" s="3" t="s">
        <v>37</v>
      </c>
      <c r="V33" s="3" t="s">
        <v>37</v>
      </c>
    </row>
    <row r="34" spans="1:22" x14ac:dyDescent="0.25">
      <c r="A34" s="3" t="s">
        <v>22</v>
      </c>
      <c r="B34" s="4" t="s">
        <v>23</v>
      </c>
      <c r="C34" s="3" t="s">
        <v>24</v>
      </c>
      <c r="D34" s="5" t="s">
        <v>219</v>
      </c>
      <c r="E34" s="3" t="s">
        <v>111</v>
      </c>
      <c r="F34" s="3" t="s">
        <v>220</v>
      </c>
      <c r="G34" s="3" t="s">
        <v>221</v>
      </c>
      <c r="H34" s="3" t="s">
        <v>29</v>
      </c>
      <c r="I34" s="3" t="s">
        <v>37</v>
      </c>
      <c r="J34" s="3" t="s">
        <v>222</v>
      </c>
      <c r="K34" s="3" t="s">
        <v>32</v>
      </c>
      <c r="L34" s="3" t="s">
        <v>114</v>
      </c>
      <c r="M34" s="3" t="s">
        <v>68</v>
      </c>
      <c r="N34" s="3" t="s">
        <v>69</v>
      </c>
      <c r="O34" s="3" t="s">
        <v>223</v>
      </c>
      <c r="P34" s="3" t="s">
        <v>54</v>
      </c>
      <c r="Q34" s="3" t="s">
        <v>37</v>
      </c>
      <c r="R34" s="3" t="s">
        <v>39</v>
      </c>
      <c r="S34" s="3" t="s">
        <v>224</v>
      </c>
      <c r="T34" s="3"/>
      <c r="U34" s="3" t="s">
        <v>37</v>
      </c>
      <c r="V34" s="3" t="s">
        <v>37</v>
      </c>
    </row>
    <row r="35" spans="1:22" x14ac:dyDescent="0.25">
      <c r="A35" s="3" t="s">
        <v>22</v>
      </c>
      <c r="B35" s="4" t="s">
        <v>23</v>
      </c>
      <c r="C35" s="3" t="s">
        <v>24</v>
      </c>
      <c r="D35" s="5" t="s">
        <v>225</v>
      </c>
      <c r="E35" s="3" t="s">
        <v>111</v>
      </c>
      <c r="F35" s="3" t="s">
        <v>226</v>
      </c>
      <c r="G35" s="3" t="s">
        <v>227</v>
      </c>
      <c r="H35" s="3" t="s">
        <v>29</v>
      </c>
      <c r="I35" s="3" t="s">
        <v>37</v>
      </c>
      <c r="J35" s="3" t="s">
        <v>228</v>
      </c>
      <c r="K35" s="3" t="s">
        <v>32</v>
      </c>
      <c r="L35" s="3" t="s">
        <v>114</v>
      </c>
      <c r="M35" s="3" t="s">
        <v>68</v>
      </c>
      <c r="N35" s="3" t="s">
        <v>69</v>
      </c>
      <c r="O35" s="3" t="s">
        <v>36</v>
      </c>
      <c r="P35" s="3" t="s">
        <v>37</v>
      </c>
      <c r="Q35" s="3" t="s">
        <v>37</v>
      </c>
      <c r="R35" s="3" t="s">
        <v>39</v>
      </c>
      <c r="S35" s="3" t="s">
        <v>229</v>
      </c>
      <c r="T35" s="3"/>
      <c r="U35" s="3" t="s">
        <v>37</v>
      </c>
      <c r="V35" s="3" t="s">
        <v>37</v>
      </c>
    </row>
    <row r="36" spans="1:22" x14ac:dyDescent="0.25">
      <c r="A36" s="3" t="s">
        <v>22</v>
      </c>
      <c r="B36" s="4" t="s">
        <v>23</v>
      </c>
      <c r="C36" s="3" t="s">
        <v>24</v>
      </c>
      <c r="D36" s="5" t="s">
        <v>230</v>
      </c>
      <c r="E36" s="3" t="s">
        <v>231</v>
      </c>
      <c r="F36" s="3" t="s">
        <v>232</v>
      </c>
      <c r="G36" s="3" t="s">
        <v>66</v>
      </c>
      <c r="H36" s="3" t="s">
        <v>29</v>
      </c>
      <c r="I36" s="3" t="s">
        <v>37</v>
      </c>
      <c r="J36" s="3" t="s">
        <v>233</v>
      </c>
      <c r="K36" s="3" t="s">
        <v>32</v>
      </c>
      <c r="L36" s="3" t="s">
        <v>114</v>
      </c>
      <c r="M36" s="3" t="s">
        <v>68</v>
      </c>
      <c r="N36" s="3" t="s">
        <v>190</v>
      </c>
      <c r="O36" s="3" t="s">
        <v>36</v>
      </c>
      <c r="P36" s="3" t="s">
        <v>37</v>
      </c>
      <c r="Q36" s="3" t="s">
        <v>37</v>
      </c>
      <c r="R36" s="3" t="s">
        <v>39</v>
      </c>
      <c r="S36" s="3" t="s">
        <v>234</v>
      </c>
      <c r="T36" s="3"/>
      <c r="U36" s="3" t="s">
        <v>37</v>
      </c>
      <c r="V36" s="3" t="s">
        <v>37</v>
      </c>
    </row>
    <row r="37" spans="1:22" x14ac:dyDescent="0.25">
      <c r="A37" s="3" t="s">
        <v>22</v>
      </c>
      <c r="B37" s="4" t="s">
        <v>23</v>
      </c>
      <c r="C37" s="3" t="s">
        <v>24</v>
      </c>
      <c r="D37" s="5" t="s">
        <v>235</v>
      </c>
      <c r="E37" s="3" t="s">
        <v>231</v>
      </c>
      <c r="F37" s="3" t="s">
        <v>236</v>
      </c>
      <c r="G37" s="3" t="s">
        <v>221</v>
      </c>
      <c r="H37" s="3" t="s">
        <v>29</v>
      </c>
      <c r="I37" s="3" t="s">
        <v>37</v>
      </c>
      <c r="J37" s="3" t="s">
        <v>237</v>
      </c>
      <c r="K37" s="3" t="s">
        <v>32</v>
      </c>
      <c r="L37" s="3" t="s">
        <v>114</v>
      </c>
      <c r="M37" s="3" t="s">
        <v>68</v>
      </c>
      <c r="N37" s="3" t="s">
        <v>190</v>
      </c>
      <c r="O37" s="3" t="s">
        <v>53</v>
      </c>
      <c r="P37" s="3" t="s">
        <v>37</v>
      </c>
      <c r="Q37" s="3" t="s">
        <v>37</v>
      </c>
      <c r="R37" s="3" t="s">
        <v>39</v>
      </c>
      <c r="S37" s="3" t="s">
        <v>238</v>
      </c>
      <c r="T37" s="3"/>
      <c r="U37" s="3" t="s">
        <v>37</v>
      </c>
      <c r="V37" s="3" t="s">
        <v>37</v>
      </c>
    </row>
    <row r="38" spans="1:22" x14ac:dyDescent="0.25">
      <c r="A38" s="3" t="s">
        <v>22</v>
      </c>
      <c r="B38" s="4" t="s">
        <v>23</v>
      </c>
      <c r="C38" s="3" t="s">
        <v>24</v>
      </c>
      <c r="D38" s="5" t="s">
        <v>239</v>
      </c>
      <c r="E38" s="3" t="s">
        <v>240</v>
      </c>
      <c r="F38" s="3" t="s">
        <v>241</v>
      </c>
      <c r="G38" s="3" t="s">
        <v>242</v>
      </c>
      <c r="H38" s="3" t="s">
        <v>87</v>
      </c>
      <c r="I38" s="3" t="s">
        <v>37</v>
      </c>
      <c r="J38" s="3" t="s">
        <v>243</v>
      </c>
      <c r="K38" s="3" t="s">
        <v>32</v>
      </c>
      <c r="L38" s="3" t="s">
        <v>114</v>
      </c>
      <c r="M38" s="3" t="s">
        <v>68</v>
      </c>
      <c r="N38" s="3" t="s">
        <v>69</v>
      </c>
      <c r="O38" s="3" t="s">
        <v>53</v>
      </c>
      <c r="P38" s="3" t="s">
        <v>37</v>
      </c>
      <c r="Q38" s="3" t="s">
        <v>37</v>
      </c>
      <c r="R38" s="3" t="s">
        <v>39</v>
      </c>
      <c r="S38" s="3" t="s">
        <v>244</v>
      </c>
      <c r="T38" s="3"/>
      <c r="U38" s="3" t="s">
        <v>37</v>
      </c>
      <c r="V38" s="3" t="s">
        <v>37</v>
      </c>
    </row>
    <row r="39" spans="1:22" x14ac:dyDescent="0.25">
      <c r="A39" s="3" t="s">
        <v>22</v>
      </c>
      <c r="B39" s="4" t="s">
        <v>23</v>
      </c>
      <c r="C39" s="3" t="s">
        <v>24</v>
      </c>
      <c r="D39" s="5" t="s">
        <v>245</v>
      </c>
      <c r="E39" s="3" t="s">
        <v>240</v>
      </c>
      <c r="F39" s="3" t="s">
        <v>246</v>
      </c>
      <c r="G39" s="3" t="s">
        <v>247</v>
      </c>
      <c r="H39" s="3" t="s">
        <v>87</v>
      </c>
      <c r="I39" s="3" t="s">
        <v>37</v>
      </c>
      <c r="J39" s="3" t="s">
        <v>248</v>
      </c>
      <c r="K39" s="3" t="s">
        <v>32</v>
      </c>
      <c r="L39" s="3" t="s">
        <v>114</v>
      </c>
      <c r="M39" s="3" t="s">
        <v>68</v>
      </c>
      <c r="N39" s="3" t="s">
        <v>69</v>
      </c>
      <c r="O39" s="3" t="s">
        <v>53</v>
      </c>
      <c r="P39" s="3" t="s">
        <v>37</v>
      </c>
      <c r="Q39" s="3" t="s">
        <v>37</v>
      </c>
      <c r="R39" s="3" t="s">
        <v>39</v>
      </c>
      <c r="S39" s="3" t="s">
        <v>249</v>
      </c>
      <c r="T39" s="3"/>
      <c r="U39" s="3" t="s">
        <v>37</v>
      </c>
      <c r="V39" s="3" t="s">
        <v>37</v>
      </c>
    </row>
    <row r="40" spans="1:22" x14ac:dyDescent="0.25">
      <c r="A40" s="3"/>
      <c r="B40" s="4"/>
      <c r="C40" s="3"/>
      <c r="D40" s="5"/>
      <c r="E40" s="6" t="s">
        <v>250</v>
      </c>
      <c r="F40" s="3"/>
      <c r="G40" s="3"/>
      <c r="H40" s="3"/>
      <c r="I40" s="3"/>
      <c r="J40" s="3"/>
      <c r="K40" s="3"/>
      <c r="L40" s="3"/>
      <c r="M40" s="3"/>
      <c r="N40" s="3"/>
      <c r="O40" s="3"/>
      <c r="P40" s="3"/>
      <c r="Q40" s="3"/>
      <c r="R40" s="3"/>
      <c r="S40" s="3"/>
      <c r="T40" s="3"/>
      <c r="U40" s="3"/>
      <c r="V40" s="3"/>
    </row>
    <row r="41" spans="1:22" x14ac:dyDescent="0.25">
      <c r="A41" s="3"/>
      <c r="B41" s="4"/>
      <c r="C41" s="3"/>
      <c r="D41" s="5"/>
      <c r="E41" s="6"/>
      <c r="F41" s="3"/>
      <c r="G41" s="3"/>
      <c r="H41" s="3"/>
      <c r="I41" s="3"/>
      <c r="J41" s="3"/>
      <c r="K41" s="3"/>
      <c r="L41" s="3"/>
      <c r="M41" s="3"/>
      <c r="N41" s="3"/>
      <c r="O41" s="3"/>
      <c r="P41" s="3"/>
      <c r="Q41" s="3"/>
      <c r="R41" s="3"/>
      <c r="S41" s="3"/>
      <c r="T41" s="3"/>
      <c r="U41" s="3"/>
      <c r="V41" s="3"/>
    </row>
    <row r="42" spans="1:22" x14ac:dyDescent="0.25">
      <c r="A42" s="3"/>
      <c r="B42" s="4"/>
      <c r="C42" s="3"/>
      <c r="D42" s="5"/>
      <c r="E42" s="3"/>
      <c r="F42" s="3"/>
      <c r="G42" s="3"/>
      <c r="H42" s="3"/>
      <c r="I42" s="3"/>
      <c r="J42" s="3"/>
      <c r="K42" s="3"/>
      <c r="L42" s="3"/>
      <c r="M42" s="3"/>
      <c r="N42" s="3"/>
      <c r="O42" s="3"/>
      <c r="P42" s="3"/>
      <c r="Q42" s="3"/>
      <c r="R42" s="3"/>
      <c r="S42" s="3"/>
      <c r="T42" s="3"/>
      <c r="U42" s="3"/>
      <c r="V42" s="3"/>
    </row>
    <row r="43" spans="1:22" x14ac:dyDescent="0.25">
      <c r="A43" s="3" t="s">
        <v>22</v>
      </c>
      <c r="B43" s="4" t="s">
        <v>251</v>
      </c>
      <c r="C43" s="3" t="s">
        <v>252</v>
      </c>
      <c r="D43" s="5" t="s">
        <v>25</v>
      </c>
      <c r="E43" s="3" t="s">
        <v>253</v>
      </c>
      <c r="F43" s="3" t="s">
        <v>254</v>
      </c>
      <c r="G43" s="3" t="s">
        <v>66</v>
      </c>
      <c r="H43" s="3" t="s">
        <v>29</v>
      </c>
      <c r="I43" s="3" t="s">
        <v>255</v>
      </c>
      <c r="J43" s="3" t="s">
        <v>256</v>
      </c>
      <c r="K43" s="3" t="s">
        <v>32</v>
      </c>
      <c r="L43" s="3" t="s">
        <v>33</v>
      </c>
      <c r="M43" s="3" t="s">
        <v>257</v>
      </c>
      <c r="N43" s="3" t="s">
        <v>69</v>
      </c>
      <c r="O43" s="3" t="s">
        <v>258</v>
      </c>
      <c r="P43" s="3" t="s">
        <v>37</v>
      </c>
      <c r="Q43" s="3" t="s">
        <v>37</v>
      </c>
      <c r="R43" s="3" t="s">
        <v>39</v>
      </c>
      <c r="S43" s="3" t="s">
        <v>259</v>
      </c>
      <c r="T43" s="3"/>
      <c r="U43" s="3" t="s">
        <v>37</v>
      </c>
      <c r="V43" s="3" t="s">
        <v>37</v>
      </c>
    </row>
    <row r="44" spans="1:22" x14ac:dyDescent="0.25">
      <c r="A44" s="3" t="s">
        <v>22</v>
      </c>
      <c r="B44" s="4" t="s">
        <v>251</v>
      </c>
      <c r="C44" s="3" t="s">
        <v>252</v>
      </c>
      <c r="D44" s="5" t="s">
        <v>260</v>
      </c>
      <c r="E44" s="3" t="s">
        <v>253</v>
      </c>
      <c r="F44" s="3" t="s">
        <v>261</v>
      </c>
      <c r="G44" s="3" t="s">
        <v>221</v>
      </c>
      <c r="H44" s="3" t="s">
        <v>59</v>
      </c>
      <c r="I44" s="3" t="s">
        <v>255</v>
      </c>
      <c r="J44" s="3" t="s">
        <v>262</v>
      </c>
      <c r="K44" s="3" t="s">
        <v>32</v>
      </c>
      <c r="L44" s="3" t="s">
        <v>33</v>
      </c>
      <c r="M44" s="3" t="s">
        <v>257</v>
      </c>
      <c r="N44" s="3" t="s">
        <v>69</v>
      </c>
      <c r="O44" s="3" t="s">
        <v>258</v>
      </c>
      <c r="P44" s="3" t="s">
        <v>37</v>
      </c>
      <c r="Q44" s="3" t="s">
        <v>37</v>
      </c>
      <c r="R44" s="3" t="s">
        <v>39</v>
      </c>
      <c r="S44" s="3" t="s">
        <v>263</v>
      </c>
      <c r="T44" s="3"/>
      <c r="U44" s="3" t="s">
        <v>37</v>
      </c>
      <c r="V44" s="3" t="s">
        <v>37</v>
      </c>
    </row>
    <row r="45" spans="1:22" x14ac:dyDescent="0.25">
      <c r="A45" s="3" t="s">
        <v>22</v>
      </c>
      <c r="B45" s="4" t="s">
        <v>251</v>
      </c>
      <c r="C45" s="3" t="s">
        <v>252</v>
      </c>
      <c r="D45" s="5" t="s">
        <v>41</v>
      </c>
      <c r="E45" s="3" t="s">
        <v>253</v>
      </c>
      <c r="F45" s="3" t="s">
        <v>264</v>
      </c>
      <c r="G45" s="3" t="s">
        <v>227</v>
      </c>
      <c r="H45" s="3" t="s">
        <v>59</v>
      </c>
      <c r="I45" s="3" t="s">
        <v>255</v>
      </c>
      <c r="J45" s="3" t="s">
        <v>265</v>
      </c>
      <c r="K45" s="3" t="s">
        <v>32</v>
      </c>
      <c r="L45" s="3" t="s">
        <v>33</v>
      </c>
      <c r="M45" s="3" t="s">
        <v>257</v>
      </c>
      <c r="N45" s="3" t="s">
        <v>69</v>
      </c>
      <c r="O45" s="3" t="s">
        <v>258</v>
      </c>
      <c r="P45" s="3" t="s">
        <v>37</v>
      </c>
      <c r="Q45" s="3" t="s">
        <v>37</v>
      </c>
      <c r="R45" s="3" t="s">
        <v>39</v>
      </c>
      <c r="S45" s="3" t="s">
        <v>266</v>
      </c>
      <c r="T45" s="3"/>
      <c r="U45" s="3" t="s">
        <v>37</v>
      </c>
      <c r="V45" s="3" t="s">
        <v>37</v>
      </c>
    </row>
    <row r="46" spans="1:22" x14ac:dyDescent="0.25">
      <c r="A46" s="3" t="s">
        <v>22</v>
      </c>
      <c r="B46" s="4" t="s">
        <v>251</v>
      </c>
      <c r="C46" s="3" t="s">
        <v>252</v>
      </c>
      <c r="D46" s="5" t="s">
        <v>267</v>
      </c>
      <c r="E46" s="3" t="s">
        <v>253</v>
      </c>
      <c r="F46" s="3" t="s">
        <v>268</v>
      </c>
      <c r="G46" s="3" t="s">
        <v>269</v>
      </c>
      <c r="H46" s="3" t="s">
        <v>59</v>
      </c>
      <c r="I46" s="3" t="s">
        <v>255</v>
      </c>
      <c r="J46" s="3" t="s">
        <v>270</v>
      </c>
      <c r="K46" s="3" t="s">
        <v>32</v>
      </c>
      <c r="L46" s="3" t="s">
        <v>33</v>
      </c>
      <c r="M46" s="3" t="s">
        <v>257</v>
      </c>
      <c r="N46" s="3" t="s">
        <v>69</v>
      </c>
      <c r="O46" s="3" t="s">
        <v>258</v>
      </c>
      <c r="P46" s="3" t="s">
        <v>37</v>
      </c>
      <c r="Q46" s="3" t="s">
        <v>37</v>
      </c>
      <c r="R46" s="3" t="s">
        <v>39</v>
      </c>
      <c r="S46" s="3" t="s">
        <v>271</v>
      </c>
      <c r="T46" s="3"/>
      <c r="U46" s="3" t="s">
        <v>37</v>
      </c>
      <c r="V46" s="3" t="s">
        <v>37</v>
      </c>
    </row>
    <row r="47" spans="1:22" x14ac:dyDescent="0.25">
      <c r="A47" s="3" t="s">
        <v>22</v>
      </c>
      <c r="B47" s="4" t="s">
        <v>251</v>
      </c>
      <c r="C47" s="3" t="s">
        <v>252</v>
      </c>
      <c r="D47" s="5" t="s">
        <v>46</v>
      </c>
      <c r="E47" s="3" t="s">
        <v>47</v>
      </c>
      <c r="F47" s="3" t="s">
        <v>106</v>
      </c>
      <c r="G47" s="3" t="s">
        <v>107</v>
      </c>
      <c r="H47" s="3" t="s">
        <v>87</v>
      </c>
      <c r="I47" s="3" t="s">
        <v>50</v>
      </c>
      <c r="J47" s="3" t="s">
        <v>108</v>
      </c>
      <c r="K47" s="3" t="s">
        <v>32</v>
      </c>
      <c r="L47" s="3" t="s">
        <v>33</v>
      </c>
      <c r="M47" s="3" t="s">
        <v>34</v>
      </c>
      <c r="N47" s="3" t="s">
        <v>69</v>
      </c>
      <c r="O47" s="3" t="s">
        <v>53</v>
      </c>
      <c r="P47" s="3" t="s">
        <v>54</v>
      </c>
      <c r="Q47" s="3" t="s">
        <v>37</v>
      </c>
      <c r="R47" s="3" t="s">
        <v>39</v>
      </c>
      <c r="S47" s="3" t="s">
        <v>109</v>
      </c>
      <c r="T47" s="3"/>
      <c r="U47" s="3" t="s">
        <v>37</v>
      </c>
      <c r="V47" s="3" t="s">
        <v>37</v>
      </c>
    </row>
    <row r="48" spans="1:22" x14ac:dyDescent="0.25">
      <c r="A48" s="3" t="s">
        <v>22</v>
      </c>
      <c r="B48" s="4" t="s">
        <v>251</v>
      </c>
      <c r="C48" s="3" t="s">
        <v>252</v>
      </c>
      <c r="D48" s="5" t="s">
        <v>56</v>
      </c>
      <c r="E48" s="3" t="s">
        <v>47</v>
      </c>
      <c r="F48" s="3" t="s">
        <v>272</v>
      </c>
      <c r="G48" s="3" t="s">
        <v>273</v>
      </c>
      <c r="H48" s="3" t="s">
        <v>87</v>
      </c>
      <c r="I48" s="3" t="s">
        <v>50</v>
      </c>
      <c r="J48" s="3" t="s">
        <v>274</v>
      </c>
      <c r="K48" s="3" t="s">
        <v>32</v>
      </c>
      <c r="L48" s="3" t="s">
        <v>33</v>
      </c>
      <c r="M48" s="3" t="s">
        <v>34</v>
      </c>
      <c r="N48" s="3" t="s">
        <v>69</v>
      </c>
      <c r="O48" s="3" t="s">
        <v>53</v>
      </c>
      <c r="P48" s="3" t="s">
        <v>54</v>
      </c>
      <c r="Q48" s="3" t="s">
        <v>37</v>
      </c>
      <c r="R48" s="3" t="s">
        <v>39</v>
      </c>
      <c r="S48" s="3" t="s">
        <v>275</v>
      </c>
      <c r="T48" s="3"/>
      <c r="U48" s="3" t="s">
        <v>37</v>
      </c>
      <c r="V48" s="3" t="s">
        <v>37</v>
      </c>
    </row>
    <row r="49" spans="1:22" x14ac:dyDescent="0.25">
      <c r="A49" s="3" t="s">
        <v>22</v>
      </c>
      <c r="B49" s="4" t="s">
        <v>251</v>
      </c>
      <c r="C49" s="3" t="s">
        <v>252</v>
      </c>
      <c r="D49" s="5" t="s">
        <v>63</v>
      </c>
      <c r="E49" s="3" t="s">
        <v>64</v>
      </c>
      <c r="F49" s="3" t="s">
        <v>276</v>
      </c>
      <c r="G49" s="3" t="s">
        <v>140</v>
      </c>
      <c r="H49" s="3" t="s">
        <v>29</v>
      </c>
      <c r="I49" s="3" t="s">
        <v>37</v>
      </c>
      <c r="J49" s="3" t="s">
        <v>277</v>
      </c>
      <c r="K49" s="3" t="s">
        <v>32</v>
      </c>
      <c r="L49" s="3" t="s">
        <v>33</v>
      </c>
      <c r="M49" s="3" t="s">
        <v>68</v>
      </c>
      <c r="N49" s="3" t="s">
        <v>69</v>
      </c>
      <c r="O49" s="3" t="s">
        <v>278</v>
      </c>
      <c r="P49" s="3" t="s">
        <v>54</v>
      </c>
      <c r="Q49" s="3" t="s">
        <v>37</v>
      </c>
      <c r="R49" s="3" t="s">
        <v>39</v>
      </c>
      <c r="S49" s="3" t="s">
        <v>279</v>
      </c>
      <c r="T49" s="3"/>
      <c r="U49" s="3" t="s">
        <v>37</v>
      </c>
      <c r="V49" s="3" t="s">
        <v>37</v>
      </c>
    </row>
    <row r="50" spans="1:22" x14ac:dyDescent="0.25">
      <c r="A50" s="3" t="s">
        <v>22</v>
      </c>
      <c r="B50" s="4" t="s">
        <v>251</v>
      </c>
      <c r="C50" s="3" t="s">
        <v>252</v>
      </c>
      <c r="D50" s="5" t="s">
        <v>71</v>
      </c>
      <c r="E50" s="3" t="s">
        <v>72</v>
      </c>
      <c r="F50" s="3" t="s">
        <v>281</v>
      </c>
      <c r="G50" s="3" t="s">
        <v>29</v>
      </c>
      <c r="H50" s="3" t="s">
        <v>29</v>
      </c>
      <c r="I50" s="3" t="s">
        <v>282</v>
      </c>
      <c r="J50" s="3" t="s">
        <v>283</v>
      </c>
      <c r="K50" s="3" t="s">
        <v>32</v>
      </c>
      <c r="L50" s="3" t="s">
        <v>33</v>
      </c>
      <c r="M50" s="3" t="s">
        <v>68</v>
      </c>
      <c r="N50" s="3" t="s">
        <v>61</v>
      </c>
      <c r="O50" s="3" t="s">
        <v>223</v>
      </c>
      <c r="P50" s="3" t="s">
        <v>37</v>
      </c>
      <c r="Q50" s="3" t="s">
        <v>37</v>
      </c>
      <c r="R50" s="3" t="s">
        <v>39</v>
      </c>
      <c r="S50" s="3" t="s">
        <v>284</v>
      </c>
      <c r="T50" s="3"/>
      <c r="U50" s="3" t="s">
        <v>37</v>
      </c>
      <c r="V50" s="3" t="s">
        <v>37</v>
      </c>
    </row>
    <row r="51" spans="1:22" x14ac:dyDescent="0.25">
      <c r="A51" s="3" t="s">
        <v>22</v>
      </c>
      <c r="B51" s="4" t="s">
        <v>251</v>
      </c>
      <c r="C51" s="3" t="s">
        <v>252</v>
      </c>
      <c r="D51" s="5" t="s">
        <v>79</v>
      </c>
      <c r="E51" s="3" t="s">
        <v>72</v>
      </c>
      <c r="F51" s="3" t="s">
        <v>285</v>
      </c>
      <c r="G51" s="3" t="s">
        <v>59</v>
      </c>
      <c r="H51" s="3" t="s">
        <v>29</v>
      </c>
      <c r="I51" s="3" t="s">
        <v>286</v>
      </c>
      <c r="J51" s="3" t="s">
        <v>287</v>
      </c>
      <c r="K51" s="3" t="s">
        <v>32</v>
      </c>
      <c r="L51" s="3" t="s">
        <v>33</v>
      </c>
      <c r="M51" s="3" t="s">
        <v>68</v>
      </c>
      <c r="N51" s="3" t="s">
        <v>61</v>
      </c>
      <c r="O51" s="3" t="s">
        <v>53</v>
      </c>
      <c r="P51" s="3" t="s">
        <v>37</v>
      </c>
      <c r="Q51" s="3" t="s">
        <v>37</v>
      </c>
      <c r="R51" s="3" t="s">
        <v>39</v>
      </c>
      <c r="S51" s="3" t="s">
        <v>288</v>
      </c>
      <c r="T51" s="3"/>
      <c r="U51" s="3" t="s">
        <v>37</v>
      </c>
      <c r="V51" s="3" t="s">
        <v>37</v>
      </c>
    </row>
    <row r="52" spans="1:22" x14ac:dyDescent="0.25">
      <c r="A52" s="3" t="s">
        <v>22</v>
      </c>
      <c r="B52" s="4" t="s">
        <v>251</v>
      </c>
      <c r="C52" s="3" t="s">
        <v>252</v>
      </c>
      <c r="D52" s="5" t="s">
        <v>289</v>
      </c>
      <c r="E52" s="3" t="s">
        <v>72</v>
      </c>
      <c r="F52" s="3" t="s">
        <v>290</v>
      </c>
      <c r="G52" s="3" t="s">
        <v>87</v>
      </c>
      <c r="H52" s="3" t="s">
        <v>29</v>
      </c>
      <c r="I52" s="3" t="s">
        <v>286</v>
      </c>
      <c r="J52" s="3" t="s">
        <v>291</v>
      </c>
      <c r="K52" s="3" t="s">
        <v>32</v>
      </c>
      <c r="L52" s="3" t="s">
        <v>33</v>
      </c>
      <c r="M52" s="3" t="s">
        <v>68</v>
      </c>
      <c r="N52" s="3" t="s">
        <v>61</v>
      </c>
      <c r="O52" s="3" t="s">
        <v>53</v>
      </c>
      <c r="P52" s="3" t="s">
        <v>37</v>
      </c>
      <c r="Q52" s="3" t="s">
        <v>37</v>
      </c>
      <c r="R52" s="3" t="s">
        <v>39</v>
      </c>
      <c r="S52" s="3" t="s">
        <v>292</v>
      </c>
      <c r="T52" s="3"/>
      <c r="U52" s="3" t="s">
        <v>37</v>
      </c>
      <c r="V52" s="3" t="s">
        <v>37</v>
      </c>
    </row>
    <row r="53" spans="1:22" x14ac:dyDescent="0.25">
      <c r="A53" s="3" t="s">
        <v>22</v>
      </c>
      <c r="B53" s="4" t="s">
        <v>251</v>
      </c>
      <c r="C53" s="3" t="s">
        <v>252</v>
      </c>
      <c r="D53" s="5" t="s">
        <v>293</v>
      </c>
      <c r="E53" s="3" t="s">
        <v>72</v>
      </c>
      <c r="F53" s="3" t="s">
        <v>294</v>
      </c>
      <c r="G53" s="3" t="s">
        <v>295</v>
      </c>
      <c r="H53" s="3" t="s">
        <v>29</v>
      </c>
      <c r="I53" s="3" t="s">
        <v>296</v>
      </c>
      <c r="J53" s="3" t="s">
        <v>297</v>
      </c>
      <c r="K53" s="3" t="s">
        <v>32</v>
      </c>
      <c r="L53" s="3" t="s">
        <v>33</v>
      </c>
      <c r="M53" s="3" t="s">
        <v>68</v>
      </c>
      <c r="N53" s="3" t="s">
        <v>61</v>
      </c>
      <c r="O53" s="3" t="s">
        <v>53</v>
      </c>
      <c r="P53" s="3" t="s">
        <v>37</v>
      </c>
      <c r="Q53" s="3" t="s">
        <v>37</v>
      </c>
      <c r="R53" s="3" t="s">
        <v>39</v>
      </c>
      <c r="S53" s="3" t="s">
        <v>298</v>
      </c>
      <c r="T53" s="3"/>
      <c r="U53" s="3" t="s">
        <v>37</v>
      </c>
      <c r="V53" s="3" t="s">
        <v>37</v>
      </c>
    </row>
    <row r="54" spans="1:22" x14ac:dyDescent="0.25">
      <c r="A54" s="3" t="s">
        <v>22</v>
      </c>
      <c r="B54" s="4" t="s">
        <v>251</v>
      </c>
      <c r="C54" s="3" t="s">
        <v>252</v>
      </c>
      <c r="D54" s="5" t="s">
        <v>299</v>
      </c>
      <c r="E54" s="3" t="s">
        <v>47</v>
      </c>
      <c r="F54" s="3" t="s">
        <v>300</v>
      </c>
      <c r="G54" s="3" t="s">
        <v>189</v>
      </c>
      <c r="H54" s="3" t="s">
        <v>59</v>
      </c>
      <c r="I54" s="3" t="s">
        <v>50</v>
      </c>
      <c r="J54" s="3" t="s">
        <v>301</v>
      </c>
      <c r="K54" s="3" t="s">
        <v>32</v>
      </c>
      <c r="L54" s="3" t="s">
        <v>37</v>
      </c>
      <c r="M54" s="3" t="s">
        <v>34</v>
      </c>
      <c r="N54" s="3" t="s">
        <v>61</v>
      </c>
      <c r="O54" s="3" t="s">
        <v>53</v>
      </c>
      <c r="P54" s="3" t="s">
        <v>54</v>
      </c>
      <c r="Q54" s="3" t="s">
        <v>37</v>
      </c>
      <c r="R54" s="3" t="s">
        <v>39</v>
      </c>
      <c r="S54" s="3" t="s">
        <v>302</v>
      </c>
      <c r="T54" s="3"/>
      <c r="U54" s="3" t="s">
        <v>37</v>
      </c>
      <c r="V54" s="3" t="s">
        <v>37</v>
      </c>
    </row>
    <row r="55" spans="1:22" x14ac:dyDescent="0.25">
      <c r="A55" s="3" t="s">
        <v>22</v>
      </c>
      <c r="B55" s="4" t="s">
        <v>251</v>
      </c>
      <c r="C55" s="3" t="s">
        <v>252</v>
      </c>
      <c r="D55" s="5" t="s">
        <v>303</v>
      </c>
      <c r="E55" s="3" t="s">
        <v>47</v>
      </c>
      <c r="F55" s="3" t="s">
        <v>304</v>
      </c>
      <c r="G55" s="3" t="s">
        <v>305</v>
      </c>
      <c r="H55" s="3" t="s">
        <v>59</v>
      </c>
      <c r="I55" s="3" t="s">
        <v>50</v>
      </c>
      <c r="J55" s="3" t="s">
        <v>306</v>
      </c>
      <c r="K55" s="3" t="s">
        <v>32</v>
      </c>
      <c r="L55" s="3" t="s">
        <v>33</v>
      </c>
      <c r="M55" s="3" t="s">
        <v>34</v>
      </c>
      <c r="N55" s="3" t="s">
        <v>61</v>
      </c>
      <c r="O55" s="3" t="s">
        <v>53</v>
      </c>
      <c r="P55" s="3" t="s">
        <v>54</v>
      </c>
      <c r="Q55" s="3" t="s">
        <v>37</v>
      </c>
      <c r="R55" s="3" t="s">
        <v>39</v>
      </c>
      <c r="S55" s="3" t="s">
        <v>307</v>
      </c>
      <c r="T55" s="3"/>
      <c r="U55" s="3" t="s">
        <v>37</v>
      </c>
      <c r="V55" s="3" t="s">
        <v>37</v>
      </c>
    </row>
    <row r="56" spans="1:22" x14ac:dyDescent="0.25">
      <c r="A56" s="3" t="s">
        <v>22</v>
      </c>
      <c r="B56" s="4" t="s">
        <v>251</v>
      </c>
      <c r="C56" s="3" t="s">
        <v>252</v>
      </c>
      <c r="D56" s="5" t="s">
        <v>308</v>
      </c>
      <c r="E56" s="3" t="s">
        <v>47</v>
      </c>
      <c r="F56" s="3" t="s">
        <v>309</v>
      </c>
      <c r="G56" s="3" t="s">
        <v>310</v>
      </c>
      <c r="H56" s="3" t="s">
        <v>59</v>
      </c>
      <c r="I56" s="3" t="s">
        <v>50</v>
      </c>
      <c r="J56" s="3" t="s">
        <v>311</v>
      </c>
      <c r="K56" s="3" t="s">
        <v>32</v>
      </c>
      <c r="L56" s="3" t="s">
        <v>33</v>
      </c>
      <c r="M56" s="3" t="s">
        <v>34</v>
      </c>
      <c r="N56" s="3" t="s">
        <v>61</v>
      </c>
      <c r="O56" s="3" t="s">
        <v>53</v>
      </c>
      <c r="P56" s="3" t="s">
        <v>54</v>
      </c>
      <c r="Q56" s="3" t="s">
        <v>37</v>
      </c>
      <c r="R56" s="3" t="s">
        <v>39</v>
      </c>
      <c r="S56" s="3" t="s">
        <v>312</v>
      </c>
      <c r="T56" s="3"/>
      <c r="U56" s="3" t="s">
        <v>37</v>
      </c>
      <c r="V56" s="3" t="s">
        <v>37</v>
      </c>
    </row>
    <row r="57" spans="1:22" x14ac:dyDescent="0.25">
      <c r="A57" s="3" t="s">
        <v>22</v>
      </c>
      <c r="B57" s="4" t="s">
        <v>251</v>
      </c>
      <c r="C57" s="3" t="s">
        <v>252</v>
      </c>
      <c r="D57" s="5" t="s">
        <v>110</v>
      </c>
      <c r="E57" s="3" t="s">
        <v>111</v>
      </c>
      <c r="F57" s="3" t="s">
        <v>313</v>
      </c>
      <c r="G57" s="3" t="s">
        <v>151</v>
      </c>
      <c r="H57" s="3" t="s">
        <v>29</v>
      </c>
      <c r="I57" s="3" t="s">
        <v>37</v>
      </c>
      <c r="J57" s="3" t="s">
        <v>314</v>
      </c>
      <c r="K57" s="3" t="s">
        <v>32</v>
      </c>
      <c r="L57" s="3" t="s">
        <v>114</v>
      </c>
      <c r="M57" s="3" t="s">
        <v>68</v>
      </c>
      <c r="N57" s="3" t="s">
        <v>69</v>
      </c>
      <c r="O57" s="3" t="s">
        <v>223</v>
      </c>
      <c r="P57" s="3" t="s">
        <v>37</v>
      </c>
      <c r="Q57" s="3" t="s">
        <v>37</v>
      </c>
      <c r="R57" s="3" t="s">
        <v>39</v>
      </c>
      <c r="S57" s="3" t="s">
        <v>315</v>
      </c>
      <c r="T57" s="3"/>
      <c r="U57" s="3" t="s">
        <v>37</v>
      </c>
      <c r="V57" s="3" t="s">
        <v>37</v>
      </c>
    </row>
    <row r="58" spans="1:22" x14ac:dyDescent="0.25">
      <c r="A58" s="3" t="s">
        <v>22</v>
      </c>
      <c r="B58" s="4" t="s">
        <v>251</v>
      </c>
      <c r="C58" s="3" t="s">
        <v>252</v>
      </c>
      <c r="D58" s="5" t="s">
        <v>116</v>
      </c>
      <c r="E58" s="3" t="s">
        <v>117</v>
      </c>
      <c r="F58" s="3" t="s">
        <v>316</v>
      </c>
      <c r="G58" s="3" t="s">
        <v>59</v>
      </c>
      <c r="H58" s="3" t="s">
        <v>29</v>
      </c>
      <c r="I58" s="3" t="s">
        <v>119</v>
      </c>
      <c r="J58" s="3" t="s">
        <v>317</v>
      </c>
      <c r="K58" s="3" t="s">
        <v>32</v>
      </c>
      <c r="L58" s="3" t="s">
        <v>33</v>
      </c>
      <c r="M58" s="3" t="s">
        <v>68</v>
      </c>
      <c r="N58" s="3" t="s">
        <v>69</v>
      </c>
      <c r="O58" s="3" t="s">
        <v>53</v>
      </c>
      <c r="P58" s="3" t="s">
        <v>37</v>
      </c>
      <c r="Q58" s="3" t="s">
        <v>37</v>
      </c>
      <c r="R58" s="3" t="s">
        <v>39</v>
      </c>
      <c r="S58" s="3" t="s">
        <v>318</v>
      </c>
      <c r="T58" s="3"/>
      <c r="U58" s="3" t="s">
        <v>37</v>
      </c>
      <c r="V58" s="3" t="s">
        <v>37</v>
      </c>
    </row>
    <row r="59" spans="1:22" x14ac:dyDescent="0.25">
      <c r="A59" s="3" t="s">
        <v>22</v>
      </c>
      <c r="B59" s="4" t="s">
        <v>251</v>
      </c>
      <c r="C59" s="3" t="s">
        <v>252</v>
      </c>
      <c r="D59" s="5" t="s">
        <v>122</v>
      </c>
      <c r="E59" s="3" t="s">
        <v>117</v>
      </c>
      <c r="F59" s="3" t="s">
        <v>319</v>
      </c>
      <c r="G59" s="3" t="s">
        <v>74</v>
      </c>
      <c r="H59" s="3" t="s">
        <v>29</v>
      </c>
      <c r="I59" s="3" t="s">
        <v>119</v>
      </c>
      <c r="J59" s="3" t="s">
        <v>125</v>
      </c>
      <c r="K59" s="3" t="s">
        <v>32</v>
      </c>
      <c r="L59" s="3" t="s">
        <v>33</v>
      </c>
      <c r="M59" s="3" t="s">
        <v>68</v>
      </c>
      <c r="N59" s="3" t="s">
        <v>69</v>
      </c>
      <c r="O59" s="3" t="s">
        <v>446</v>
      </c>
      <c r="P59" s="3" t="s">
        <v>37</v>
      </c>
      <c r="Q59" s="3" t="s">
        <v>37</v>
      </c>
      <c r="R59" s="3" t="s">
        <v>39</v>
      </c>
      <c r="S59" s="3" t="s">
        <v>320</v>
      </c>
      <c r="T59" s="3"/>
      <c r="U59" s="3" t="s">
        <v>37</v>
      </c>
      <c r="V59" s="3" t="s">
        <v>37</v>
      </c>
    </row>
    <row r="60" spans="1:22" x14ac:dyDescent="0.25">
      <c r="A60" s="3" t="s">
        <v>22</v>
      </c>
      <c r="B60" s="4" t="s">
        <v>251</v>
      </c>
      <c r="C60" s="3" t="s">
        <v>252</v>
      </c>
      <c r="D60" s="5" t="s">
        <v>128</v>
      </c>
      <c r="E60" s="3" t="s">
        <v>47</v>
      </c>
      <c r="F60" s="3" t="s">
        <v>321</v>
      </c>
      <c r="G60" s="3" t="s">
        <v>155</v>
      </c>
      <c r="H60" s="3" t="s">
        <v>29</v>
      </c>
      <c r="I60" s="3" t="s">
        <v>50</v>
      </c>
      <c r="J60" s="3" t="s">
        <v>322</v>
      </c>
      <c r="K60" s="3" t="s">
        <v>32</v>
      </c>
      <c r="L60" s="3" t="s">
        <v>33</v>
      </c>
      <c r="M60" s="3" t="s">
        <v>34</v>
      </c>
      <c r="N60" s="3" t="s">
        <v>52</v>
      </c>
      <c r="O60" s="3" t="s">
        <v>53</v>
      </c>
      <c r="P60" s="3" t="s">
        <v>54</v>
      </c>
      <c r="Q60" s="3" t="s">
        <v>38</v>
      </c>
      <c r="R60" s="3" t="s">
        <v>39</v>
      </c>
      <c r="S60" s="3" t="s">
        <v>323</v>
      </c>
      <c r="T60" s="3"/>
      <c r="U60" s="3" t="s">
        <v>37</v>
      </c>
      <c r="V60" s="3" t="s">
        <v>37</v>
      </c>
    </row>
    <row r="61" spans="1:22" x14ac:dyDescent="0.25">
      <c r="A61" s="3" t="s">
        <v>22</v>
      </c>
      <c r="B61" s="4" t="s">
        <v>251</v>
      </c>
      <c r="C61" s="3" t="s">
        <v>252</v>
      </c>
      <c r="D61" s="5" t="s">
        <v>132</v>
      </c>
      <c r="E61" s="3" t="s">
        <v>47</v>
      </c>
      <c r="F61" s="3" t="s">
        <v>324</v>
      </c>
      <c r="G61" s="3" t="s">
        <v>66</v>
      </c>
      <c r="H61" s="3" t="s">
        <v>29</v>
      </c>
      <c r="I61" s="3" t="s">
        <v>50</v>
      </c>
      <c r="J61" s="3" t="s">
        <v>325</v>
      </c>
      <c r="K61" s="3" t="s">
        <v>32</v>
      </c>
      <c r="L61" s="3" t="s">
        <v>33</v>
      </c>
      <c r="M61" s="3" t="s">
        <v>34</v>
      </c>
      <c r="N61" s="3" t="s">
        <v>52</v>
      </c>
      <c r="O61" s="3" t="s">
        <v>53</v>
      </c>
      <c r="P61" s="3" t="s">
        <v>54</v>
      </c>
      <c r="Q61" s="3" t="s">
        <v>38</v>
      </c>
      <c r="R61" s="3" t="s">
        <v>39</v>
      </c>
      <c r="S61" s="3" t="s">
        <v>326</v>
      </c>
      <c r="T61" s="3"/>
      <c r="U61" s="3" t="s">
        <v>37</v>
      </c>
      <c r="V61" s="3" t="s">
        <v>37</v>
      </c>
    </row>
    <row r="62" spans="1:22" x14ac:dyDescent="0.25">
      <c r="A62" s="3" t="s">
        <v>22</v>
      </c>
      <c r="B62" s="4" t="s">
        <v>251</v>
      </c>
      <c r="C62" s="3" t="s">
        <v>252</v>
      </c>
      <c r="D62" s="5" t="s">
        <v>137</v>
      </c>
      <c r="E62" s="3" t="s">
        <v>138</v>
      </c>
      <c r="F62" s="3" t="s">
        <v>327</v>
      </c>
      <c r="G62" s="3" t="s">
        <v>328</v>
      </c>
      <c r="H62" s="3" t="s">
        <v>29</v>
      </c>
      <c r="I62" s="3" t="s">
        <v>141</v>
      </c>
      <c r="J62" s="3" t="s">
        <v>329</v>
      </c>
      <c r="K62" s="3" t="s">
        <v>32</v>
      </c>
      <c r="L62" s="3" t="s">
        <v>33</v>
      </c>
      <c r="M62" s="3" t="s">
        <v>68</v>
      </c>
      <c r="N62" s="3" t="s">
        <v>77</v>
      </c>
      <c r="O62" s="3" t="s">
        <v>53</v>
      </c>
      <c r="P62" s="3" t="s">
        <v>37</v>
      </c>
      <c r="Q62" s="3" t="s">
        <v>37</v>
      </c>
      <c r="R62" s="3" t="s">
        <v>39</v>
      </c>
      <c r="S62" s="3" t="s">
        <v>330</v>
      </c>
      <c r="T62" s="3"/>
      <c r="U62" s="3" t="s">
        <v>37</v>
      </c>
      <c r="V62" s="3" t="s">
        <v>144</v>
      </c>
    </row>
    <row r="63" spans="1:22" x14ac:dyDescent="0.25">
      <c r="A63" s="3" t="s">
        <v>22</v>
      </c>
      <c r="B63" s="4" t="s">
        <v>251</v>
      </c>
      <c r="C63" s="3" t="s">
        <v>252</v>
      </c>
      <c r="D63" s="5" t="s">
        <v>145</v>
      </c>
      <c r="E63" s="3" t="s">
        <v>138</v>
      </c>
      <c r="F63" s="3" t="s">
        <v>331</v>
      </c>
      <c r="G63" s="3" t="s">
        <v>155</v>
      </c>
      <c r="H63" s="3" t="s">
        <v>29</v>
      </c>
      <c r="I63" s="3" t="s">
        <v>141</v>
      </c>
      <c r="J63" s="3" t="s">
        <v>332</v>
      </c>
      <c r="K63" s="3" t="s">
        <v>32</v>
      </c>
      <c r="L63" s="3" t="s">
        <v>33</v>
      </c>
      <c r="M63" s="3" t="s">
        <v>68</v>
      </c>
      <c r="N63" s="3" t="s">
        <v>77</v>
      </c>
      <c r="O63" s="3" t="s">
        <v>53</v>
      </c>
      <c r="P63" s="3" t="s">
        <v>37</v>
      </c>
      <c r="Q63" s="3" t="s">
        <v>37</v>
      </c>
      <c r="R63" s="3" t="s">
        <v>39</v>
      </c>
      <c r="S63" s="3" t="s">
        <v>333</v>
      </c>
      <c r="T63" s="3"/>
      <c r="U63" s="3" t="s">
        <v>37</v>
      </c>
      <c r="V63" s="3" t="s">
        <v>144</v>
      </c>
    </row>
    <row r="64" spans="1:22" x14ac:dyDescent="0.25">
      <c r="A64" s="3" t="s">
        <v>22</v>
      </c>
      <c r="B64" s="4" t="s">
        <v>251</v>
      </c>
      <c r="C64" s="3" t="s">
        <v>252</v>
      </c>
      <c r="D64" s="5" t="s">
        <v>152</v>
      </c>
      <c r="E64" s="3" t="s">
        <v>153</v>
      </c>
      <c r="F64" s="3" t="s">
        <v>334</v>
      </c>
      <c r="G64" s="3" t="s">
        <v>221</v>
      </c>
      <c r="H64" s="3" t="s">
        <v>29</v>
      </c>
      <c r="I64" s="3" t="s">
        <v>156</v>
      </c>
      <c r="J64" s="3" t="s">
        <v>335</v>
      </c>
      <c r="K64" s="3" t="s">
        <v>32</v>
      </c>
      <c r="L64" s="3" t="s">
        <v>33</v>
      </c>
      <c r="M64" s="3" t="s">
        <v>34</v>
      </c>
      <c r="N64" s="3" t="s">
        <v>77</v>
      </c>
      <c r="O64" s="3" t="s">
        <v>158</v>
      </c>
      <c r="P64" s="3" t="s">
        <v>37</v>
      </c>
      <c r="Q64" s="3" t="s">
        <v>37</v>
      </c>
      <c r="R64" s="3" t="s">
        <v>39</v>
      </c>
      <c r="S64" s="3" t="s">
        <v>336</v>
      </c>
      <c r="T64" s="3"/>
      <c r="U64" s="3" t="s">
        <v>37</v>
      </c>
      <c r="V64" s="3" t="s">
        <v>37</v>
      </c>
    </row>
    <row r="65" spans="1:22" x14ac:dyDescent="0.25">
      <c r="A65" s="3" t="s">
        <v>22</v>
      </c>
      <c r="B65" s="4" t="s">
        <v>251</v>
      </c>
      <c r="C65" s="3" t="s">
        <v>252</v>
      </c>
      <c r="D65" s="5" t="s">
        <v>160</v>
      </c>
      <c r="E65" s="3" t="s">
        <v>153</v>
      </c>
      <c r="F65" s="3" t="s">
        <v>337</v>
      </c>
      <c r="G65" s="3" t="s">
        <v>227</v>
      </c>
      <c r="H65" s="3" t="s">
        <v>29</v>
      </c>
      <c r="I65" s="3" t="s">
        <v>156</v>
      </c>
      <c r="J65" s="3" t="s">
        <v>338</v>
      </c>
      <c r="K65" s="3" t="s">
        <v>32</v>
      </c>
      <c r="L65" s="3" t="s">
        <v>33</v>
      </c>
      <c r="M65" s="3" t="s">
        <v>34</v>
      </c>
      <c r="N65" s="3" t="s">
        <v>77</v>
      </c>
      <c r="O65" s="3" t="s">
        <v>158</v>
      </c>
      <c r="P65" s="3" t="s">
        <v>37</v>
      </c>
      <c r="Q65" s="3" t="s">
        <v>37</v>
      </c>
      <c r="R65" s="3" t="s">
        <v>39</v>
      </c>
      <c r="S65" s="3" t="s">
        <v>339</v>
      </c>
      <c r="T65" s="3"/>
      <c r="U65" s="3" t="s">
        <v>37</v>
      </c>
      <c r="V65" s="3" t="s">
        <v>37</v>
      </c>
    </row>
    <row r="66" spans="1:22" x14ac:dyDescent="0.25">
      <c r="A66" s="3" t="s">
        <v>22</v>
      </c>
      <c r="B66" s="4" t="s">
        <v>251</v>
      </c>
      <c r="C66" s="3" t="s">
        <v>252</v>
      </c>
      <c r="D66" s="5" t="s">
        <v>165</v>
      </c>
      <c r="E66" s="3" t="s">
        <v>153</v>
      </c>
      <c r="F66" s="3" t="s">
        <v>340</v>
      </c>
      <c r="G66" s="3" t="s">
        <v>269</v>
      </c>
      <c r="H66" s="3" t="s">
        <v>29</v>
      </c>
      <c r="I66" s="3" t="s">
        <v>156</v>
      </c>
      <c r="J66" s="3" t="s">
        <v>341</v>
      </c>
      <c r="K66" s="3" t="s">
        <v>32</v>
      </c>
      <c r="L66" s="3" t="s">
        <v>33</v>
      </c>
      <c r="M66" s="3" t="s">
        <v>34</v>
      </c>
      <c r="N66" s="3" t="s">
        <v>77</v>
      </c>
      <c r="O66" s="3" t="s">
        <v>158</v>
      </c>
      <c r="P66" s="3" t="s">
        <v>37</v>
      </c>
      <c r="Q66" s="3" t="s">
        <v>37</v>
      </c>
      <c r="R66" s="3" t="s">
        <v>39</v>
      </c>
      <c r="S66" s="3" t="s">
        <v>342</v>
      </c>
      <c r="T66" s="3"/>
      <c r="U66" s="3" t="s">
        <v>37</v>
      </c>
      <c r="V66" s="3" t="s">
        <v>37</v>
      </c>
    </row>
    <row r="67" spans="1:22" x14ac:dyDescent="0.25">
      <c r="A67" s="3" t="s">
        <v>22</v>
      </c>
      <c r="B67" s="4" t="s">
        <v>251</v>
      </c>
      <c r="C67" s="3" t="s">
        <v>252</v>
      </c>
      <c r="D67" s="5" t="s">
        <v>169</v>
      </c>
      <c r="E67" s="3" t="s">
        <v>72</v>
      </c>
      <c r="F67" s="3" t="s">
        <v>343</v>
      </c>
      <c r="G67" s="3" t="s">
        <v>344</v>
      </c>
      <c r="H67" s="3" t="s">
        <v>59</v>
      </c>
      <c r="I67" s="3" t="s">
        <v>75</v>
      </c>
      <c r="J67" s="3" t="s">
        <v>345</v>
      </c>
      <c r="K67" s="3" t="s">
        <v>32</v>
      </c>
      <c r="L67" s="3" t="s">
        <v>33</v>
      </c>
      <c r="M67" s="3" t="s">
        <v>68</v>
      </c>
      <c r="N67" s="3" t="s">
        <v>77</v>
      </c>
      <c r="O67" s="3" t="s">
        <v>53</v>
      </c>
      <c r="P67" s="3" t="s">
        <v>54</v>
      </c>
      <c r="Q67" s="3" t="s">
        <v>37</v>
      </c>
      <c r="R67" s="3" t="s">
        <v>39</v>
      </c>
      <c r="S67" s="3" t="s">
        <v>346</v>
      </c>
      <c r="T67" s="3"/>
      <c r="U67" s="3" t="s">
        <v>37</v>
      </c>
      <c r="V67" s="3" t="s">
        <v>37</v>
      </c>
    </row>
    <row r="68" spans="1:22" x14ac:dyDescent="0.25">
      <c r="A68" s="3" t="s">
        <v>22</v>
      </c>
      <c r="B68" s="4" t="s">
        <v>251</v>
      </c>
      <c r="C68" s="3" t="s">
        <v>252</v>
      </c>
      <c r="D68" s="5" t="s">
        <v>174</v>
      </c>
      <c r="E68" s="3" t="s">
        <v>72</v>
      </c>
      <c r="F68" s="3" t="s">
        <v>347</v>
      </c>
      <c r="G68" s="3" t="s">
        <v>242</v>
      </c>
      <c r="H68" s="3" t="s">
        <v>59</v>
      </c>
      <c r="I68" s="3" t="s">
        <v>75</v>
      </c>
      <c r="J68" s="3" t="s">
        <v>348</v>
      </c>
      <c r="K68" s="3" t="s">
        <v>32</v>
      </c>
      <c r="L68" s="3" t="s">
        <v>33</v>
      </c>
      <c r="M68" s="3" t="s">
        <v>68</v>
      </c>
      <c r="N68" s="3" t="s">
        <v>77</v>
      </c>
      <c r="O68" s="3" t="s">
        <v>53</v>
      </c>
      <c r="P68" s="3" t="s">
        <v>54</v>
      </c>
      <c r="Q68" s="3" t="s">
        <v>37</v>
      </c>
      <c r="R68" s="3" t="s">
        <v>39</v>
      </c>
      <c r="S68" s="3" t="s">
        <v>349</v>
      </c>
      <c r="T68" s="3"/>
      <c r="U68" s="3" t="s">
        <v>37</v>
      </c>
      <c r="V68" s="3" t="s">
        <v>37</v>
      </c>
    </row>
    <row r="69" spans="1:22" x14ac:dyDescent="0.25">
      <c r="A69" s="3" t="s">
        <v>22</v>
      </c>
      <c r="B69" s="4" t="s">
        <v>251</v>
      </c>
      <c r="C69" s="3" t="s">
        <v>252</v>
      </c>
      <c r="D69" s="5" t="s">
        <v>179</v>
      </c>
      <c r="E69" s="3" t="s">
        <v>47</v>
      </c>
      <c r="F69" s="3" t="s">
        <v>350</v>
      </c>
      <c r="G69" s="3" t="s">
        <v>351</v>
      </c>
      <c r="H69" s="3" t="s">
        <v>87</v>
      </c>
      <c r="I69" s="3" t="s">
        <v>50</v>
      </c>
      <c r="J69" s="3" t="s">
        <v>352</v>
      </c>
      <c r="K69" s="3" t="s">
        <v>32</v>
      </c>
      <c r="L69" s="3" t="s">
        <v>33</v>
      </c>
      <c r="M69" s="3" t="s">
        <v>34</v>
      </c>
      <c r="N69" s="3" t="s">
        <v>69</v>
      </c>
      <c r="O69" s="3" t="s">
        <v>53</v>
      </c>
      <c r="P69" s="3" t="s">
        <v>54</v>
      </c>
      <c r="Q69" s="3" t="s">
        <v>37</v>
      </c>
      <c r="R69" s="3" t="s">
        <v>39</v>
      </c>
      <c r="S69" s="3" t="s">
        <v>353</v>
      </c>
      <c r="T69" s="3"/>
      <c r="U69" s="3" t="s">
        <v>37</v>
      </c>
      <c r="V69" s="3" t="s">
        <v>37</v>
      </c>
    </row>
    <row r="70" spans="1:22" x14ac:dyDescent="0.25">
      <c r="A70" s="3" t="s">
        <v>22</v>
      </c>
      <c r="B70" s="4" t="s">
        <v>251</v>
      </c>
      <c r="C70" s="3" t="s">
        <v>252</v>
      </c>
      <c r="D70" s="5" t="s">
        <v>354</v>
      </c>
      <c r="E70" s="3" t="s">
        <v>47</v>
      </c>
      <c r="F70" s="3" t="s">
        <v>355</v>
      </c>
      <c r="G70" s="3" t="s">
        <v>356</v>
      </c>
      <c r="H70" s="3" t="s">
        <v>87</v>
      </c>
      <c r="I70" s="3" t="s">
        <v>50</v>
      </c>
      <c r="J70" s="3" t="s">
        <v>357</v>
      </c>
      <c r="K70" s="3" t="s">
        <v>32</v>
      </c>
      <c r="L70" s="3" t="s">
        <v>33</v>
      </c>
      <c r="M70" s="3" t="s">
        <v>34</v>
      </c>
      <c r="N70" s="3" t="s">
        <v>69</v>
      </c>
      <c r="O70" s="3" t="s">
        <v>53</v>
      </c>
      <c r="P70" s="3" t="s">
        <v>54</v>
      </c>
      <c r="Q70" s="3" t="s">
        <v>37</v>
      </c>
      <c r="R70" s="3" t="s">
        <v>39</v>
      </c>
      <c r="S70" s="3" t="s">
        <v>358</v>
      </c>
      <c r="T70" s="3"/>
      <c r="U70" s="3" t="s">
        <v>37</v>
      </c>
      <c r="V70" s="3" t="s">
        <v>37</v>
      </c>
    </row>
    <row r="71" spans="1:22" x14ac:dyDescent="0.25">
      <c r="A71" s="3" t="s">
        <v>22</v>
      </c>
      <c r="B71" s="4" t="s">
        <v>251</v>
      </c>
      <c r="C71" s="3" t="s">
        <v>252</v>
      </c>
      <c r="D71" s="5" t="s">
        <v>186</v>
      </c>
      <c r="E71" s="3" t="s">
        <v>64</v>
      </c>
      <c r="F71" s="3" t="s">
        <v>65</v>
      </c>
      <c r="G71" s="3" t="s">
        <v>66</v>
      </c>
      <c r="H71" s="3" t="s">
        <v>29</v>
      </c>
      <c r="I71" s="3" t="s">
        <v>37</v>
      </c>
      <c r="J71" s="3" t="s">
        <v>67</v>
      </c>
      <c r="K71" s="3" t="s">
        <v>32</v>
      </c>
      <c r="L71" s="3" t="s">
        <v>33</v>
      </c>
      <c r="M71" s="3" t="s">
        <v>68</v>
      </c>
      <c r="N71" s="3" t="s">
        <v>69</v>
      </c>
      <c r="O71" s="3" t="s">
        <v>53</v>
      </c>
      <c r="P71" s="3" t="s">
        <v>37</v>
      </c>
      <c r="Q71" s="3" t="s">
        <v>37</v>
      </c>
      <c r="R71" s="3" t="s">
        <v>39</v>
      </c>
      <c r="S71" s="3" t="s">
        <v>359</v>
      </c>
      <c r="T71" s="3"/>
      <c r="U71" s="3" t="s">
        <v>37</v>
      </c>
      <c r="V71" s="3" t="s">
        <v>37</v>
      </c>
    </row>
    <row r="72" spans="1:22" x14ac:dyDescent="0.25">
      <c r="A72" s="3" t="s">
        <v>22</v>
      </c>
      <c r="B72" s="4" t="s">
        <v>251</v>
      </c>
      <c r="C72" s="3" t="s">
        <v>252</v>
      </c>
      <c r="D72" s="5" t="s">
        <v>192</v>
      </c>
      <c r="E72" s="3" t="s">
        <v>64</v>
      </c>
      <c r="F72" s="3" t="s">
        <v>360</v>
      </c>
      <c r="G72" s="3" t="s">
        <v>162</v>
      </c>
      <c r="H72" s="3" t="s">
        <v>29</v>
      </c>
      <c r="I72" s="3" t="s">
        <v>37</v>
      </c>
      <c r="J72" s="3" t="s">
        <v>361</v>
      </c>
      <c r="K72" s="3" t="s">
        <v>32</v>
      </c>
      <c r="L72" s="3" t="s">
        <v>33</v>
      </c>
      <c r="M72" s="3" t="s">
        <v>68</v>
      </c>
      <c r="N72" s="3" t="s">
        <v>69</v>
      </c>
      <c r="O72" s="3" t="s">
        <v>53</v>
      </c>
      <c r="P72" s="3" t="s">
        <v>54</v>
      </c>
      <c r="Q72" s="3" t="s">
        <v>37</v>
      </c>
      <c r="R72" s="3" t="s">
        <v>39</v>
      </c>
      <c r="S72" s="3" t="s">
        <v>362</v>
      </c>
      <c r="T72" s="3"/>
      <c r="U72" s="3" t="s">
        <v>37</v>
      </c>
      <c r="V72" s="3" t="s">
        <v>37</v>
      </c>
    </row>
    <row r="73" spans="1:22" x14ac:dyDescent="0.25">
      <c r="A73" s="3" t="s">
        <v>22</v>
      </c>
      <c r="B73" s="4" t="s">
        <v>251</v>
      </c>
      <c r="C73" s="3" t="s">
        <v>252</v>
      </c>
      <c r="D73" s="5" t="s">
        <v>196</v>
      </c>
      <c r="E73" s="3" t="s">
        <v>64</v>
      </c>
      <c r="F73" s="3" t="s">
        <v>363</v>
      </c>
      <c r="G73" s="3" t="s">
        <v>280</v>
      </c>
      <c r="H73" s="3" t="s">
        <v>29</v>
      </c>
      <c r="I73" s="3" t="s">
        <v>37</v>
      </c>
      <c r="J73" s="3" t="s">
        <v>364</v>
      </c>
      <c r="K73" s="3" t="s">
        <v>32</v>
      </c>
      <c r="L73" s="3" t="s">
        <v>33</v>
      </c>
      <c r="M73" s="3" t="s">
        <v>68</v>
      </c>
      <c r="N73" s="3" t="s">
        <v>69</v>
      </c>
      <c r="O73" s="3" t="s">
        <v>53</v>
      </c>
      <c r="P73" s="3" t="s">
        <v>54</v>
      </c>
      <c r="Q73" s="3" t="s">
        <v>37</v>
      </c>
      <c r="R73" s="3" t="s">
        <v>39</v>
      </c>
      <c r="S73" s="3" t="s">
        <v>365</v>
      </c>
      <c r="T73" s="3"/>
      <c r="U73" s="3" t="s">
        <v>37</v>
      </c>
      <c r="V73" s="3" t="s">
        <v>37</v>
      </c>
    </row>
    <row r="74" spans="1:22" x14ac:dyDescent="0.25">
      <c r="A74" s="3" t="s">
        <v>22</v>
      </c>
      <c r="B74" s="4" t="s">
        <v>251</v>
      </c>
      <c r="C74" s="3" t="s">
        <v>252</v>
      </c>
      <c r="D74" s="5" t="s">
        <v>199</v>
      </c>
      <c r="E74" s="3" t="s">
        <v>47</v>
      </c>
      <c r="F74" s="3" t="s">
        <v>57</v>
      </c>
      <c r="G74" s="3" t="s">
        <v>58</v>
      </c>
      <c r="H74" s="3" t="s">
        <v>59</v>
      </c>
      <c r="I74" s="3" t="s">
        <v>50</v>
      </c>
      <c r="J74" s="3" t="s">
        <v>60</v>
      </c>
      <c r="K74" s="3" t="s">
        <v>32</v>
      </c>
      <c r="L74" s="3" t="s">
        <v>33</v>
      </c>
      <c r="M74" s="3" t="s">
        <v>34</v>
      </c>
      <c r="N74" s="3" t="s">
        <v>61</v>
      </c>
      <c r="O74" s="3" t="s">
        <v>53</v>
      </c>
      <c r="P74" s="3" t="s">
        <v>54</v>
      </c>
      <c r="Q74" s="3" t="s">
        <v>37</v>
      </c>
      <c r="R74" s="3" t="s">
        <v>39</v>
      </c>
      <c r="S74" s="3" t="s">
        <v>62</v>
      </c>
      <c r="T74" s="3"/>
      <c r="U74" s="3" t="s">
        <v>37</v>
      </c>
      <c r="V74" s="3" t="s">
        <v>37</v>
      </c>
    </row>
    <row r="75" spans="1:22" x14ac:dyDescent="0.25">
      <c r="A75" s="3" t="s">
        <v>22</v>
      </c>
      <c r="B75" s="4" t="s">
        <v>251</v>
      </c>
      <c r="C75" s="3" t="s">
        <v>252</v>
      </c>
      <c r="D75" s="5" t="s">
        <v>204</v>
      </c>
      <c r="E75" s="3" t="s">
        <v>47</v>
      </c>
      <c r="F75" s="3" t="s">
        <v>366</v>
      </c>
      <c r="G75" s="3" t="s">
        <v>367</v>
      </c>
      <c r="H75" s="3" t="s">
        <v>59</v>
      </c>
      <c r="I75" s="3" t="s">
        <v>50</v>
      </c>
      <c r="J75" s="3" t="s">
        <v>368</v>
      </c>
      <c r="K75" s="3" t="s">
        <v>32</v>
      </c>
      <c r="L75" s="3" t="s">
        <v>33</v>
      </c>
      <c r="M75" s="3" t="s">
        <v>34</v>
      </c>
      <c r="N75" s="3" t="s">
        <v>61</v>
      </c>
      <c r="O75" s="3" t="s">
        <v>53</v>
      </c>
      <c r="P75" s="3" t="s">
        <v>54</v>
      </c>
      <c r="Q75" s="3" t="s">
        <v>37</v>
      </c>
      <c r="R75" s="3" t="s">
        <v>39</v>
      </c>
      <c r="S75" s="3" t="s">
        <v>369</v>
      </c>
      <c r="T75" s="3"/>
      <c r="U75" s="3" t="s">
        <v>37</v>
      </c>
      <c r="V75" s="3" t="s">
        <v>37</v>
      </c>
    </row>
    <row r="76" spans="1:22" x14ac:dyDescent="0.25">
      <c r="A76" s="3" t="s">
        <v>22</v>
      </c>
      <c r="B76" s="4" t="s">
        <v>251</v>
      </c>
      <c r="C76" s="3" t="s">
        <v>252</v>
      </c>
      <c r="D76" s="5" t="s">
        <v>209</v>
      </c>
      <c r="E76" s="3" t="s">
        <v>47</v>
      </c>
      <c r="F76" s="3" t="s">
        <v>370</v>
      </c>
      <c r="G76" s="3" t="s">
        <v>371</v>
      </c>
      <c r="H76" s="3" t="s">
        <v>59</v>
      </c>
      <c r="I76" s="3" t="s">
        <v>50</v>
      </c>
      <c r="J76" s="3" t="s">
        <v>372</v>
      </c>
      <c r="K76" s="3" t="s">
        <v>32</v>
      </c>
      <c r="L76" s="3" t="s">
        <v>33</v>
      </c>
      <c r="M76" s="3" t="s">
        <v>34</v>
      </c>
      <c r="N76" s="3" t="s">
        <v>61</v>
      </c>
      <c r="O76" s="3" t="s">
        <v>53</v>
      </c>
      <c r="P76" s="3" t="s">
        <v>54</v>
      </c>
      <c r="Q76" s="3" t="s">
        <v>37</v>
      </c>
      <c r="R76" s="3" t="s">
        <v>39</v>
      </c>
      <c r="S76" s="3" t="s">
        <v>373</v>
      </c>
      <c r="T76" s="3"/>
      <c r="U76" s="3" t="s">
        <v>37</v>
      </c>
      <c r="V76" s="3" t="s">
        <v>37</v>
      </c>
    </row>
    <row r="77" spans="1:22" x14ac:dyDescent="0.25">
      <c r="A77" s="3" t="s">
        <v>22</v>
      </c>
      <c r="B77" s="4" t="s">
        <v>251</v>
      </c>
      <c r="C77" s="3" t="s">
        <v>252</v>
      </c>
      <c r="D77" s="5" t="s">
        <v>214</v>
      </c>
      <c r="E77" s="3" t="s">
        <v>47</v>
      </c>
      <c r="F77" s="3" t="s">
        <v>374</v>
      </c>
      <c r="G77" s="3" t="s">
        <v>375</v>
      </c>
      <c r="H77" s="3" t="s">
        <v>59</v>
      </c>
      <c r="I77" s="3" t="s">
        <v>50</v>
      </c>
      <c r="J77" s="3" t="s">
        <v>376</v>
      </c>
      <c r="K77" s="3" t="s">
        <v>32</v>
      </c>
      <c r="L77" s="3" t="s">
        <v>33</v>
      </c>
      <c r="M77" s="3" t="s">
        <v>34</v>
      </c>
      <c r="N77" s="3" t="s">
        <v>61</v>
      </c>
      <c r="O77" s="3" t="s">
        <v>53</v>
      </c>
      <c r="P77" s="3" t="s">
        <v>54</v>
      </c>
      <c r="Q77" s="3" t="s">
        <v>37</v>
      </c>
      <c r="R77" s="3" t="s">
        <v>39</v>
      </c>
      <c r="S77" s="3" t="s">
        <v>377</v>
      </c>
      <c r="T77" s="3"/>
      <c r="U77" s="3" t="s">
        <v>37</v>
      </c>
      <c r="V77" s="3" t="s">
        <v>37</v>
      </c>
    </row>
    <row r="78" spans="1:22" x14ac:dyDescent="0.25">
      <c r="A78" s="3" t="s">
        <v>22</v>
      </c>
      <c r="B78" s="4" t="s">
        <v>251</v>
      </c>
      <c r="C78" s="3" t="s">
        <v>252</v>
      </c>
      <c r="D78" s="5" t="s">
        <v>219</v>
      </c>
      <c r="E78" s="3" t="s">
        <v>378</v>
      </c>
      <c r="F78" s="3" t="s">
        <v>379</v>
      </c>
      <c r="G78" s="3" t="s">
        <v>134</v>
      </c>
      <c r="H78" s="3" t="s">
        <v>295</v>
      </c>
      <c r="I78" s="3" t="s">
        <v>37</v>
      </c>
      <c r="J78" s="3" t="s">
        <v>380</v>
      </c>
      <c r="K78" s="3" t="s">
        <v>32</v>
      </c>
      <c r="L78" s="3" t="s">
        <v>33</v>
      </c>
      <c r="M78" s="3" t="s">
        <v>68</v>
      </c>
      <c r="N78" s="3" t="s">
        <v>69</v>
      </c>
      <c r="O78" s="3" t="s">
        <v>258</v>
      </c>
      <c r="P78" s="3" t="s">
        <v>37</v>
      </c>
      <c r="Q78" s="3" t="s">
        <v>37</v>
      </c>
      <c r="R78" s="3" t="s">
        <v>39</v>
      </c>
      <c r="S78" s="3" t="s">
        <v>381</v>
      </c>
      <c r="T78" s="3"/>
      <c r="U78" s="3" t="s">
        <v>37</v>
      </c>
      <c r="V78" s="3" t="s">
        <v>37</v>
      </c>
    </row>
    <row r="79" spans="1:22" x14ac:dyDescent="0.25">
      <c r="A79" s="3" t="s">
        <v>22</v>
      </c>
      <c r="B79" s="4" t="s">
        <v>251</v>
      </c>
      <c r="C79" s="3" t="s">
        <v>252</v>
      </c>
      <c r="D79" s="5" t="s">
        <v>382</v>
      </c>
      <c r="E79" s="3" t="s">
        <v>378</v>
      </c>
      <c r="F79" s="3" t="s">
        <v>383</v>
      </c>
      <c r="G79" s="3" t="s">
        <v>384</v>
      </c>
      <c r="H79" s="3" t="s">
        <v>295</v>
      </c>
      <c r="I79" s="3" t="s">
        <v>37</v>
      </c>
      <c r="J79" s="3" t="s">
        <v>385</v>
      </c>
      <c r="K79" s="3" t="s">
        <v>32</v>
      </c>
      <c r="L79" s="3" t="s">
        <v>33</v>
      </c>
      <c r="M79" s="3" t="s">
        <v>68</v>
      </c>
      <c r="N79" s="3" t="s">
        <v>69</v>
      </c>
      <c r="O79" s="3" t="s">
        <v>258</v>
      </c>
      <c r="P79" s="3" t="s">
        <v>37</v>
      </c>
      <c r="Q79" s="3" t="s">
        <v>37</v>
      </c>
      <c r="R79" s="3" t="s">
        <v>39</v>
      </c>
      <c r="S79" s="3" t="s">
        <v>386</v>
      </c>
      <c r="T79" s="3"/>
      <c r="U79" s="3" t="s">
        <v>37</v>
      </c>
      <c r="V79" s="3" t="s">
        <v>37</v>
      </c>
    </row>
    <row r="80" spans="1:22" x14ac:dyDescent="0.25">
      <c r="A80" s="3" t="s">
        <v>22</v>
      </c>
      <c r="B80" s="4" t="s">
        <v>251</v>
      </c>
      <c r="C80" s="3" t="s">
        <v>252</v>
      </c>
      <c r="D80" s="5" t="s">
        <v>387</v>
      </c>
      <c r="E80" s="3" t="s">
        <v>378</v>
      </c>
      <c r="F80" s="3" t="s">
        <v>388</v>
      </c>
      <c r="G80" s="3" t="s">
        <v>28</v>
      </c>
      <c r="H80" s="3" t="s">
        <v>295</v>
      </c>
      <c r="I80" s="3" t="s">
        <v>37</v>
      </c>
      <c r="J80" s="3" t="s">
        <v>385</v>
      </c>
      <c r="K80" s="3" t="s">
        <v>32</v>
      </c>
      <c r="L80" s="3" t="s">
        <v>33</v>
      </c>
      <c r="M80" s="3" t="s">
        <v>68</v>
      </c>
      <c r="N80" s="3" t="s">
        <v>69</v>
      </c>
      <c r="O80" s="3" t="s">
        <v>258</v>
      </c>
      <c r="P80" s="3" t="s">
        <v>37</v>
      </c>
      <c r="Q80" s="3" t="s">
        <v>37</v>
      </c>
      <c r="R80" s="3" t="s">
        <v>39</v>
      </c>
      <c r="S80" s="3" t="s">
        <v>389</v>
      </c>
      <c r="T80" s="3"/>
      <c r="U80" s="3" t="s">
        <v>37</v>
      </c>
      <c r="V80" s="3" t="s">
        <v>37</v>
      </c>
    </row>
    <row r="81" spans="1:22" x14ac:dyDescent="0.25">
      <c r="A81" s="3" t="s">
        <v>22</v>
      </c>
      <c r="B81" s="4" t="s">
        <v>251</v>
      </c>
      <c r="C81" s="3" t="s">
        <v>252</v>
      </c>
      <c r="D81" s="5" t="s">
        <v>390</v>
      </c>
      <c r="E81" s="3" t="s">
        <v>378</v>
      </c>
      <c r="F81" s="3" t="s">
        <v>391</v>
      </c>
      <c r="G81" s="3" t="s">
        <v>43</v>
      </c>
      <c r="H81" s="3" t="s">
        <v>295</v>
      </c>
      <c r="I81" s="3" t="s">
        <v>37</v>
      </c>
      <c r="J81" s="3" t="s">
        <v>385</v>
      </c>
      <c r="K81" s="3" t="s">
        <v>32</v>
      </c>
      <c r="L81" s="3" t="s">
        <v>33</v>
      </c>
      <c r="M81" s="3" t="s">
        <v>68</v>
      </c>
      <c r="N81" s="3" t="s">
        <v>69</v>
      </c>
      <c r="O81" s="3" t="s">
        <v>258</v>
      </c>
      <c r="P81" s="3" t="s">
        <v>37</v>
      </c>
      <c r="Q81" s="3" t="s">
        <v>37</v>
      </c>
      <c r="R81" s="3" t="s">
        <v>39</v>
      </c>
      <c r="S81" s="3" t="s">
        <v>392</v>
      </c>
      <c r="T81" s="3"/>
      <c r="U81" s="3" t="s">
        <v>37</v>
      </c>
      <c r="V81" s="3" t="s">
        <v>37</v>
      </c>
    </row>
    <row r="82" spans="1:22" x14ac:dyDescent="0.25">
      <c r="A82" s="3" t="s">
        <v>22</v>
      </c>
      <c r="B82" s="4" t="s">
        <v>251</v>
      </c>
      <c r="C82" s="3" t="s">
        <v>252</v>
      </c>
      <c r="D82" s="5" t="s">
        <v>230</v>
      </c>
      <c r="E82" s="3" t="s">
        <v>393</v>
      </c>
      <c r="F82" s="3" t="s">
        <v>394</v>
      </c>
      <c r="G82" s="3" t="s">
        <v>134</v>
      </c>
      <c r="H82" s="3" t="s">
        <v>29</v>
      </c>
      <c r="I82" s="3" t="s">
        <v>37</v>
      </c>
      <c r="J82" s="3" t="s">
        <v>395</v>
      </c>
      <c r="K82" s="3" t="s">
        <v>32</v>
      </c>
      <c r="L82" s="3" t="s">
        <v>33</v>
      </c>
      <c r="M82" s="3" t="s">
        <v>396</v>
      </c>
      <c r="N82" s="3" t="s">
        <v>69</v>
      </c>
      <c r="O82" s="3" t="s">
        <v>53</v>
      </c>
      <c r="P82" s="3" t="s">
        <v>54</v>
      </c>
      <c r="Q82" s="3" t="s">
        <v>37</v>
      </c>
      <c r="R82" s="3" t="s">
        <v>39</v>
      </c>
      <c r="S82" s="3" t="s">
        <v>397</v>
      </c>
      <c r="T82" s="3"/>
      <c r="U82" s="3" t="s">
        <v>37</v>
      </c>
      <c r="V82" s="3" t="s">
        <v>37</v>
      </c>
    </row>
    <row r="83" spans="1:22" x14ac:dyDescent="0.25">
      <c r="A83" s="3" t="s">
        <v>22</v>
      </c>
      <c r="B83" s="4" t="s">
        <v>251</v>
      </c>
      <c r="C83" s="3" t="s">
        <v>252</v>
      </c>
      <c r="D83" s="5" t="s">
        <v>235</v>
      </c>
      <c r="E83" s="3" t="s">
        <v>393</v>
      </c>
      <c r="F83" s="3" t="s">
        <v>398</v>
      </c>
      <c r="G83" s="3" t="s">
        <v>384</v>
      </c>
      <c r="H83" s="3" t="s">
        <v>29</v>
      </c>
      <c r="I83" s="3" t="s">
        <v>37</v>
      </c>
      <c r="J83" s="3" t="s">
        <v>399</v>
      </c>
      <c r="K83" s="3" t="s">
        <v>32</v>
      </c>
      <c r="L83" s="3" t="s">
        <v>33</v>
      </c>
      <c r="M83" s="3" t="s">
        <v>396</v>
      </c>
      <c r="N83" s="3" t="s">
        <v>69</v>
      </c>
      <c r="O83" s="3" t="s">
        <v>53</v>
      </c>
      <c r="P83" s="3" t="s">
        <v>54</v>
      </c>
      <c r="Q83" s="3" t="s">
        <v>37</v>
      </c>
      <c r="R83" s="3" t="s">
        <v>39</v>
      </c>
      <c r="S83" s="3" t="s">
        <v>400</v>
      </c>
      <c r="T83" s="3"/>
      <c r="U83" s="3" t="s">
        <v>37</v>
      </c>
      <c r="V83" s="3" t="s">
        <v>37</v>
      </c>
    </row>
    <row r="84" spans="1:22" x14ac:dyDescent="0.25">
      <c r="A84" s="3" t="s">
        <v>22</v>
      </c>
      <c r="B84" s="4" t="s">
        <v>251</v>
      </c>
      <c r="C84" s="3" t="s">
        <v>252</v>
      </c>
      <c r="D84" s="5" t="s">
        <v>239</v>
      </c>
      <c r="E84" s="3" t="s">
        <v>138</v>
      </c>
      <c r="F84" s="3" t="s">
        <v>401</v>
      </c>
      <c r="G84" s="3" t="s">
        <v>201</v>
      </c>
      <c r="H84" s="3" t="s">
        <v>59</v>
      </c>
      <c r="I84" s="3" t="s">
        <v>402</v>
      </c>
      <c r="J84" s="3" t="s">
        <v>403</v>
      </c>
      <c r="K84" s="3" t="s">
        <v>32</v>
      </c>
      <c r="L84" s="3" t="s">
        <v>33</v>
      </c>
      <c r="M84" s="3" t="s">
        <v>68</v>
      </c>
      <c r="N84" s="3" t="s">
        <v>69</v>
      </c>
      <c r="O84" s="3" t="s">
        <v>53</v>
      </c>
      <c r="P84" s="3" t="s">
        <v>54</v>
      </c>
      <c r="Q84" s="3" t="s">
        <v>37</v>
      </c>
      <c r="R84" s="3" t="s">
        <v>39</v>
      </c>
      <c r="S84" s="3" t="s">
        <v>404</v>
      </c>
      <c r="T84" s="3"/>
      <c r="U84" s="3" t="s">
        <v>37</v>
      </c>
      <c r="V84" s="3" t="s">
        <v>37</v>
      </c>
    </row>
    <row r="85" spans="1:22" x14ac:dyDescent="0.25">
      <c r="A85" s="3" t="s">
        <v>22</v>
      </c>
      <c r="B85" s="4" t="s">
        <v>251</v>
      </c>
      <c r="C85" s="3" t="s">
        <v>252</v>
      </c>
      <c r="D85" s="5" t="s">
        <v>245</v>
      </c>
      <c r="E85" s="3" t="s">
        <v>138</v>
      </c>
      <c r="F85" s="3" t="s">
        <v>405</v>
      </c>
      <c r="G85" s="3" t="s">
        <v>211</v>
      </c>
      <c r="H85" s="3" t="s">
        <v>59</v>
      </c>
      <c r="I85" s="3" t="s">
        <v>402</v>
      </c>
      <c r="J85" s="3" t="s">
        <v>406</v>
      </c>
      <c r="K85" s="3" t="s">
        <v>32</v>
      </c>
      <c r="L85" s="3" t="s">
        <v>33</v>
      </c>
      <c r="M85" s="3" t="s">
        <v>68</v>
      </c>
      <c r="N85" s="3" t="s">
        <v>69</v>
      </c>
      <c r="O85" s="3" t="s">
        <v>53</v>
      </c>
      <c r="P85" s="3" t="s">
        <v>54</v>
      </c>
      <c r="Q85" s="3" t="s">
        <v>37</v>
      </c>
      <c r="R85" s="3" t="s">
        <v>39</v>
      </c>
      <c r="S85" s="3" t="s">
        <v>407</v>
      </c>
      <c r="T85" s="3"/>
      <c r="U85" s="3" t="s">
        <v>37</v>
      </c>
      <c r="V85" s="3" t="s">
        <v>37</v>
      </c>
    </row>
    <row r="86" spans="1:22" x14ac:dyDescent="0.25">
      <c r="A86" s="3"/>
      <c r="B86" s="4"/>
      <c r="C86" s="3"/>
      <c r="D86" s="5"/>
      <c r="E86" s="6" t="s">
        <v>250</v>
      </c>
      <c r="F86" s="3"/>
      <c r="G86" s="3"/>
      <c r="H86" s="3"/>
      <c r="I86" s="3"/>
      <c r="J86" s="3"/>
      <c r="K86" s="3"/>
      <c r="L86" s="3"/>
      <c r="M86" s="3"/>
      <c r="N86" s="3"/>
      <c r="O86" s="3"/>
      <c r="P86" s="3"/>
      <c r="Q86" s="3"/>
      <c r="R86" s="3"/>
      <c r="S86" s="3"/>
      <c r="T86" s="3"/>
      <c r="U86" s="3"/>
      <c r="V86" s="3"/>
    </row>
    <row r="87" spans="1:22" x14ac:dyDescent="0.25">
      <c r="A87" s="3"/>
      <c r="B87" s="4"/>
      <c r="C87" s="3"/>
      <c r="D87" s="5"/>
      <c r="E87" s="6"/>
      <c r="F87" s="3"/>
      <c r="G87" s="3"/>
      <c r="H87" s="3"/>
      <c r="I87" s="3"/>
      <c r="J87" s="3"/>
      <c r="K87" s="3"/>
      <c r="L87" s="3"/>
      <c r="M87" s="3"/>
      <c r="N87" s="3"/>
      <c r="O87" s="3"/>
      <c r="P87" s="3"/>
      <c r="Q87" s="3"/>
      <c r="R87" s="3"/>
      <c r="S87" s="3"/>
      <c r="T87" s="3"/>
      <c r="U87" s="3"/>
      <c r="V87" s="3"/>
    </row>
    <row r="88" spans="1:22" x14ac:dyDescent="0.25">
      <c r="A88" s="3"/>
      <c r="B88" s="4"/>
      <c r="C88" s="3"/>
      <c r="D88" s="5"/>
      <c r="E88" s="3"/>
      <c r="F88" s="3"/>
      <c r="G88" s="3"/>
      <c r="H88" s="3"/>
      <c r="I88" s="3"/>
      <c r="J88" s="3"/>
      <c r="K88" s="3"/>
      <c r="L88" s="3"/>
      <c r="M88" s="3"/>
      <c r="N88" s="3"/>
      <c r="O88" s="3"/>
      <c r="P88" s="3"/>
      <c r="Q88" s="3"/>
      <c r="R88" s="3"/>
      <c r="S88" s="3"/>
      <c r="T88" s="3"/>
      <c r="U88" s="3"/>
      <c r="V88" s="3"/>
    </row>
    <row r="89" spans="1:22" x14ac:dyDescent="0.25">
      <c r="A89" s="3" t="s">
        <v>22</v>
      </c>
      <c r="B89" s="4" t="s">
        <v>408</v>
      </c>
      <c r="C89" s="3" t="s">
        <v>409</v>
      </c>
      <c r="D89" s="5" t="s">
        <v>25</v>
      </c>
      <c r="E89" s="3" t="s">
        <v>138</v>
      </c>
      <c r="F89" s="3" t="s">
        <v>405</v>
      </c>
      <c r="G89" s="3" t="s">
        <v>211</v>
      </c>
      <c r="H89" s="3" t="s">
        <v>59</v>
      </c>
      <c r="I89" s="3" t="s">
        <v>402</v>
      </c>
      <c r="J89" s="3" t="s">
        <v>406</v>
      </c>
      <c r="K89" s="3" t="s">
        <v>32</v>
      </c>
      <c r="L89" s="3" t="s">
        <v>33</v>
      </c>
      <c r="M89" s="3" t="s">
        <v>68</v>
      </c>
      <c r="N89" s="3" t="s">
        <v>69</v>
      </c>
      <c r="O89" s="3" t="s">
        <v>53</v>
      </c>
      <c r="P89" s="3" t="s">
        <v>54</v>
      </c>
      <c r="Q89" s="3" t="s">
        <v>37</v>
      </c>
      <c r="R89" s="3" t="s">
        <v>39</v>
      </c>
      <c r="S89" s="3" t="s">
        <v>407</v>
      </c>
      <c r="T89" s="3"/>
      <c r="U89" s="3" t="s">
        <v>37</v>
      </c>
      <c r="V89" s="3" t="s">
        <v>37</v>
      </c>
    </row>
    <row r="90" spans="1:22" x14ac:dyDescent="0.25">
      <c r="A90" s="3" t="s">
        <v>22</v>
      </c>
      <c r="B90" s="4" t="s">
        <v>408</v>
      </c>
      <c r="C90" s="3" t="s">
        <v>409</v>
      </c>
      <c r="D90" s="5" t="s">
        <v>41</v>
      </c>
      <c r="E90" s="3" t="s">
        <v>138</v>
      </c>
      <c r="F90" s="3" t="s">
        <v>410</v>
      </c>
      <c r="G90" s="3" t="s">
        <v>216</v>
      </c>
      <c r="H90" s="3" t="s">
        <v>59</v>
      </c>
      <c r="I90" s="3" t="s">
        <v>402</v>
      </c>
      <c r="J90" s="3" t="s">
        <v>411</v>
      </c>
      <c r="K90" s="3" t="s">
        <v>32</v>
      </c>
      <c r="L90" s="3" t="s">
        <v>33</v>
      </c>
      <c r="M90" s="3" t="s">
        <v>68</v>
      </c>
      <c r="N90" s="3" t="s">
        <v>69</v>
      </c>
      <c r="O90" s="3" t="s">
        <v>53</v>
      </c>
      <c r="P90" s="3" t="s">
        <v>54</v>
      </c>
      <c r="Q90" s="3" t="s">
        <v>37</v>
      </c>
      <c r="R90" s="3" t="s">
        <v>39</v>
      </c>
      <c r="S90" s="3" t="s">
        <v>412</v>
      </c>
      <c r="T90" s="3"/>
      <c r="U90" s="3" t="s">
        <v>37</v>
      </c>
      <c r="V90" s="3" t="s">
        <v>37</v>
      </c>
    </row>
    <row r="91" spans="1:22" x14ac:dyDescent="0.25">
      <c r="A91" s="3" t="s">
        <v>22</v>
      </c>
      <c r="B91" s="4" t="s">
        <v>408</v>
      </c>
      <c r="C91" s="3" t="s">
        <v>409</v>
      </c>
      <c r="D91" s="5" t="s">
        <v>46</v>
      </c>
      <c r="E91" s="3" t="s">
        <v>47</v>
      </c>
      <c r="F91" s="3" t="s">
        <v>413</v>
      </c>
      <c r="G91" s="3" t="s">
        <v>414</v>
      </c>
      <c r="H91" s="3" t="s">
        <v>29</v>
      </c>
      <c r="I91" s="3" t="s">
        <v>50</v>
      </c>
      <c r="J91" s="3" t="s">
        <v>415</v>
      </c>
      <c r="K91" s="3" t="s">
        <v>32</v>
      </c>
      <c r="L91" s="3" t="s">
        <v>33</v>
      </c>
      <c r="M91" s="3" t="s">
        <v>34</v>
      </c>
      <c r="N91" s="3" t="s">
        <v>52</v>
      </c>
      <c r="O91" s="3" t="s">
        <v>53</v>
      </c>
      <c r="P91" s="3" t="s">
        <v>54</v>
      </c>
      <c r="Q91" s="3" t="s">
        <v>38</v>
      </c>
      <c r="R91" s="3" t="s">
        <v>39</v>
      </c>
      <c r="S91" s="3" t="s">
        <v>416</v>
      </c>
      <c r="T91" s="3"/>
      <c r="U91" s="3" t="s">
        <v>37</v>
      </c>
      <c r="V91" s="3" t="s">
        <v>37</v>
      </c>
    </row>
    <row r="92" spans="1:22" x14ac:dyDescent="0.25">
      <c r="A92" s="3" t="s">
        <v>22</v>
      </c>
      <c r="B92" s="4" t="s">
        <v>408</v>
      </c>
      <c r="C92" s="3" t="s">
        <v>409</v>
      </c>
      <c r="D92" s="5" t="s">
        <v>56</v>
      </c>
      <c r="E92" s="3" t="s">
        <v>47</v>
      </c>
      <c r="F92" s="3" t="s">
        <v>417</v>
      </c>
      <c r="G92" s="3" t="s">
        <v>221</v>
      </c>
      <c r="H92" s="3" t="s">
        <v>29</v>
      </c>
      <c r="I92" s="3" t="s">
        <v>50</v>
      </c>
      <c r="J92" s="3" t="s">
        <v>418</v>
      </c>
      <c r="K92" s="3" t="s">
        <v>32</v>
      </c>
      <c r="L92" s="3" t="s">
        <v>33</v>
      </c>
      <c r="M92" s="3" t="s">
        <v>34</v>
      </c>
      <c r="N92" s="3" t="s">
        <v>52</v>
      </c>
      <c r="O92" s="3" t="s">
        <v>53</v>
      </c>
      <c r="P92" s="3" t="s">
        <v>54</v>
      </c>
      <c r="Q92" s="3" t="s">
        <v>38</v>
      </c>
      <c r="R92" s="3" t="s">
        <v>39</v>
      </c>
      <c r="S92" s="3" t="s">
        <v>419</v>
      </c>
      <c r="T92" s="3"/>
      <c r="U92" s="3" t="s">
        <v>37</v>
      </c>
      <c r="V92" s="3" t="s">
        <v>37</v>
      </c>
    </row>
    <row r="93" spans="1:22" x14ac:dyDescent="0.25">
      <c r="A93" s="3" t="s">
        <v>22</v>
      </c>
      <c r="B93" s="4" t="s">
        <v>408</v>
      </c>
      <c r="C93" s="3" t="s">
        <v>409</v>
      </c>
      <c r="D93" s="5" t="s">
        <v>63</v>
      </c>
      <c r="E93" s="3" t="s">
        <v>72</v>
      </c>
      <c r="F93" s="3" t="s">
        <v>420</v>
      </c>
      <c r="G93" s="3" t="s">
        <v>421</v>
      </c>
      <c r="H93" s="3" t="s">
        <v>87</v>
      </c>
      <c r="I93" s="3" t="s">
        <v>37</v>
      </c>
      <c r="J93" s="3" t="s">
        <v>422</v>
      </c>
      <c r="K93" s="3" t="s">
        <v>32</v>
      </c>
      <c r="L93" s="3" t="s">
        <v>33</v>
      </c>
      <c r="M93" s="3" t="s">
        <v>68</v>
      </c>
      <c r="N93" s="3" t="s">
        <v>190</v>
      </c>
      <c r="O93" s="3" t="s">
        <v>53</v>
      </c>
      <c r="P93" s="3" t="s">
        <v>54</v>
      </c>
      <c r="Q93" s="3" t="s">
        <v>37</v>
      </c>
      <c r="R93" s="3" t="s">
        <v>39</v>
      </c>
      <c r="S93" s="3" t="s">
        <v>423</v>
      </c>
      <c r="T93" s="3"/>
      <c r="U93" s="3" t="s">
        <v>37</v>
      </c>
      <c r="V93" s="3" t="s">
        <v>37</v>
      </c>
    </row>
    <row r="94" spans="1:22" x14ac:dyDescent="0.25">
      <c r="A94" s="3" t="s">
        <v>22</v>
      </c>
      <c r="B94" s="4" t="s">
        <v>408</v>
      </c>
      <c r="C94" s="3" t="s">
        <v>409</v>
      </c>
      <c r="D94" s="5" t="s">
        <v>70</v>
      </c>
      <c r="E94" s="3" t="s">
        <v>72</v>
      </c>
      <c r="F94" s="3" t="s">
        <v>424</v>
      </c>
      <c r="G94" s="3" t="s">
        <v>425</v>
      </c>
      <c r="H94" s="3" t="s">
        <v>87</v>
      </c>
      <c r="I94" s="3" t="s">
        <v>37</v>
      </c>
      <c r="J94" s="3" t="s">
        <v>426</v>
      </c>
      <c r="K94" s="3" t="s">
        <v>32</v>
      </c>
      <c r="L94" s="3" t="s">
        <v>33</v>
      </c>
      <c r="M94" s="3" t="s">
        <v>68</v>
      </c>
      <c r="N94" s="3" t="s">
        <v>190</v>
      </c>
      <c r="O94" s="3" t="s">
        <v>53</v>
      </c>
      <c r="P94" s="3" t="s">
        <v>54</v>
      </c>
      <c r="Q94" s="3" t="s">
        <v>37</v>
      </c>
      <c r="R94" s="3" t="s">
        <v>39</v>
      </c>
      <c r="S94" s="3" t="s">
        <v>427</v>
      </c>
      <c r="T94" s="3"/>
      <c r="U94" s="3" t="s">
        <v>37</v>
      </c>
      <c r="V94" s="3" t="s">
        <v>37</v>
      </c>
    </row>
    <row r="95" spans="1:22" x14ac:dyDescent="0.25">
      <c r="A95" s="3" t="s">
        <v>22</v>
      </c>
      <c r="B95" s="4" t="s">
        <v>408</v>
      </c>
      <c r="C95" s="3" t="s">
        <v>409</v>
      </c>
      <c r="D95" s="5" t="s">
        <v>428</v>
      </c>
      <c r="E95" s="3" t="s">
        <v>72</v>
      </c>
      <c r="F95" s="3" t="s">
        <v>429</v>
      </c>
      <c r="G95" s="3" t="s">
        <v>430</v>
      </c>
      <c r="H95" s="3" t="s">
        <v>87</v>
      </c>
      <c r="I95" s="3" t="s">
        <v>37</v>
      </c>
      <c r="J95" s="3" t="s">
        <v>431</v>
      </c>
      <c r="K95" s="3" t="s">
        <v>32</v>
      </c>
      <c r="L95" s="3" t="s">
        <v>33</v>
      </c>
      <c r="M95" s="3" t="s">
        <v>68</v>
      </c>
      <c r="N95" s="3" t="s">
        <v>190</v>
      </c>
      <c r="O95" s="3" t="s">
        <v>53</v>
      </c>
      <c r="P95" s="3" t="s">
        <v>54</v>
      </c>
      <c r="Q95" s="3" t="s">
        <v>37</v>
      </c>
      <c r="R95" s="3" t="s">
        <v>39</v>
      </c>
      <c r="S95" s="3" t="s">
        <v>432</v>
      </c>
      <c r="T95" s="3"/>
      <c r="U95" s="3" t="s">
        <v>37</v>
      </c>
      <c r="V95" s="3" t="s">
        <v>37</v>
      </c>
    </row>
    <row r="96" spans="1:22" x14ac:dyDescent="0.25">
      <c r="A96" s="3" t="s">
        <v>22</v>
      </c>
      <c r="B96" s="4" t="s">
        <v>408</v>
      </c>
      <c r="C96" s="3" t="s">
        <v>409</v>
      </c>
      <c r="D96" s="5" t="s">
        <v>84</v>
      </c>
      <c r="E96" s="3" t="s">
        <v>433</v>
      </c>
      <c r="F96" s="3" t="s">
        <v>434</v>
      </c>
      <c r="G96" s="3" t="s">
        <v>140</v>
      </c>
      <c r="H96" s="3" t="s">
        <v>29</v>
      </c>
      <c r="I96" s="3" t="s">
        <v>435</v>
      </c>
      <c r="J96" s="3" t="s">
        <v>436</v>
      </c>
      <c r="K96" s="3" t="s">
        <v>32</v>
      </c>
      <c r="L96" s="3" t="s">
        <v>33</v>
      </c>
      <c r="M96" s="3" t="s">
        <v>34</v>
      </c>
      <c r="N96" s="3" t="s">
        <v>77</v>
      </c>
      <c r="O96" s="3" t="s">
        <v>36</v>
      </c>
      <c r="P96" s="3" t="s">
        <v>37</v>
      </c>
      <c r="Q96" s="3" t="s">
        <v>37</v>
      </c>
      <c r="R96" s="3" t="s">
        <v>39</v>
      </c>
      <c r="S96" s="3" t="s">
        <v>437</v>
      </c>
      <c r="T96" s="3"/>
      <c r="U96" s="3" t="s">
        <v>37</v>
      </c>
      <c r="V96" s="3" t="s">
        <v>37</v>
      </c>
    </row>
    <row r="97" spans="1:22" x14ac:dyDescent="0.25">
      <c r="A97" s="3" t="s">
        <v>22</v>
      </c>
      <c r="B97" s="4" t="s">
        <v>408</v>
      </c>
      <c r="C97" s="3" t="s">
        <v>409</v>
      </c>
      <c r="D97" s="5" t="s">
        <v>90</v>
      </c>
      <c r="E97" s="3" t="s">
        <v>433</v>
      </c>
      <c r="F97" s="3" t="s">
        <v>438</v>
      </c>
      <c r="G97" s="3" t="s">
        <v>439</v>
      </c>
      <c r="H97" s="3" t="s">
        <v>29</v>
      </c>
      <c r="I97" s="3" t="s">
        <v>435</v>
      </c>
      <c r="J97" s="3" t="s">
        <v>440</v>
      </c>
      <c r="K97" s="3" t="s">
        <v>32</v>
      </c>
      <c r="L97" s="3" t="s">
        <v>33</v>
      </c>
      <c r="M97" s="3" t="s">
        <v>34</v>
      </c>
      <c r="N97" s="3" t="s">
        <v>77</v>
      </c>
      <c r="O97" s="3" t="s">
        <v>36</v>
      </c>
      <c r="P97" s="3" t="s">
        <v>37</v>
      </c>
      <c r="Q97" s="3" t="s">
        <v>37</v>
      </c>
      <c r="R97" s="3" t="s">
        <v>39</v>
      </c>
      <c r="S97" s="3" t="s">
        <v>441</v>
      </c>
      <c r="T97" s="3"/>
      <c r="U97" s="3" t="s">
        <v>37</v>
      </c>
      <c r="V97" s="3" t="s">
        <v>37</v>
      </c>
    </row>
    <row r="98" spans="1:22" x14ac:dyDescent="0.25">
      <c r="A98" s="3" t="s">
        <v>22</v>
      </c>
      <c r="B98" s="4" t="s">
        <v>408</v>
      </c>
      <c r="C98" s="3" t="s">
        <v>409</v>
      </c>
      <c r="D98" s="5" t="s">
        <v>299</v>
      </c>
      <c r="E98" s="3" t="s">
        <v>443</v>
      </c>
      <c r="F98" s="3" t="s">
        <v>444</v>
      </c>
      <c r="G98" s="3" t="s">
        <v>189</v>
      </c>
      <c r="H98" s="3" t="s">
        <v>59</v>
      </c>
      <c r="I98" s="3" t="s">
        <v>37</v>
      </c>
      <c r="J98" s="3" t="s">
        <v>445</v>
      </c>
      <c r="K98" s="3" t="s">
        <v>32</v>
      </c>
      <c r="L98" s="3" t="s">
        <v>33</v>
      </c>
      <c r="M98" s="3" t="s">
        <v>68</v>
      </c>
      <c r="N98" s="3" t="s">
        <v>69</v>
      </c>
      <c r="O98" s="3" t="s">
        <v>446</v>
      </c>
      <c r="P98" s="3" t="s">
        <v>37</v>
      </c>
      <c r="Q98" s="3" t="s">
        <v>37</v>
      </c>
      <c r="R98" s="3" t="s">
        <v>39</v>
      </c>
      <c r="S98" s="3" t="s">
        <v>447</v>
      </c>
      <c r="T98" s="3"/>
      <c r="U98" s="3" t="s">
        <v>37</v>
      </c>
      <c r="V98" s="3" t="s">
        <v>37</v>
      </c>
    </row>
    <row r="99" spans="1:22" x14ac:dyDescent="0.25">
      <c r="A99" s="3" t="s">
        <v>22</v>
      </c>
      <c r="B99" s="4" t="s">
        <v>408</v>
      </c>
      <c r="C99" s="3" t="s">
        <v>409</v>
      </c>
      <c r="D99" s="5" t="s">
        <v>100</v>
      </c>
      <c r="E99" s="3" t="s">
        <v>443</v>
      </c>
      <c r="F99" s="3" t="s">
        <v>448</v>
      </c>
      <c r="G99" s="3" t="s">
        <v>305</v>
      </c>
      <c r="H99" s="3" t="s">
        <v>59</v>
      </c>
      <c r="I99" s="3" t="s">
        <v>37</v>
      </c>
      <c r="J99" s="3" t="s">
        <v>449</v>
      </c>
      <c r="K99" s="3" t="s">
        <v>32</v>
      </c>
      <c r="L99" s="3" t="s">
        <v>33</v>
      </c>
      <c r="M99" s="3" t="s">
        <v>68</v>
      </c>
      <c r="N99" s="3" t="s">
        <v>69</v>
      </c>
      <c r="O99" s="3" t="s">
        <v>446</v>
      </c>
      <c r="P99" s="3" t="s">
        <v>37</v>
      </c>
      <c r="Q99" s="3" t="s">
        <v>37</v>
      </c>
      <c r="R99" s="3" t="s">
        <v>39</v>
      </c>
      <c r="S99" s="3" t="s">
        <v>450</v>
      </c>
      <c r="T99" s="3"/>
      <c r="U99" s="3" t="s">
        <v>37</v>
      </c>
      <c r="V99" s="3" t="s">
        <v>37</v>
      </c>
    </row>
    <row r="100" spans="1:22" x14ac:dyDescent="0.25">
      <c r="A100" s="3" t="s">
        <v>22</v>
      </c>
      <c r="B100" s="4" t="s">
        <v>408</v>
      </c>
      <c r="C100" s="3" t="s">
        <v>409</v>
      </c>
      <c r="D100" s="5" t="s">
        <v>303</v>
      </c>
      <c r="E100" s="3" t="s">
        <v>443</v>
      </c>
      <c r="F100" s="3" t="s">
        <v>451</v>
      </c>
      <c r="G100" s="3" t="s">
        <v>310</v>
      </c>
      <c r="H100" s="3" t="s">
        <v>59</v>
      </c>
      <c r="I100" s="3" t="s">
        <v>37</v>
      </c>
      <c r="J100" s="3" t="s">
        <v>452</v>
      </c>
      <c r="K100" s="3" t="s">
        <v>32</v>
      </c>
      <c r="L100" s="3" t="s">
        <v>33</v>
      </c>
      <c r="M100" s="3" t="s">
        <v>68</v>
      </c>
      <c r="N100" s="3" t="s">
        <v>69</v>
      </c>
      <c r="O100" s="3" t="s">
        <v>446</v>
      </c>
      <c r="P100" s="3" t="s">
        <v>37</v>
      </c>
      <c r="Q100" s="3" t="s">
        <v>37</v>
      </c>
      <c r="R100" s="3" t="s">
        <v>39</v>
      </c>
      <c r="S100" s="3" t="s">
        <v>453</v>
      </c>
      <c r="T100" s="3"/>
      <c r="U100" s="3" t="s">
        <v>37</v>
      </c>
      <c r="V100" s="3" t="s">
        <v>37</v>
      </c>
    </row>
    <row r="101" spans="1:22" x14ac:dyDescent="0.25">
      <c r="A101" s="3" t="s">
        <v>22</v>
      </c>
      <c r="B101" s="4" t="s">
        <v>408</v>
      </c>
      <c r="C101" s="3" t="s">
        <v>409</v>
      </c>
      <c r="D101" s="5" t="s">
        <v>454</v>
      </c>
      <c r="E101" s="3" t="s">
        <v>47</v>
      </c>
      <c r="F101" s="3" t="s">
        <v>455</v>
      </c>
      <c r="G101" s="3" t="s">
        <v>242</v>
      </c>
      <c r="H101" s="3" t="s">
        <v>59</v>
      </c>
      <c r="I101" s="3" t="s">
        <v>50</v>
      </c>
      <c r="J101" s="3" t="s">
        <v>456</v>
      </c>
      <c r="K101" s="3" t="s">
        <v>32</v>
      </c>
      <c r="L101" s="3" t="s">
        <v>37</v>
      </c>
      <c r="M101" s="3" t="s">
        <v>34</v>
      </c>
      <c r="N101" s="3" t="s">
        <v>61</v>
      </c>
      <c r="O101" s="3" t="s">
        <v>53</v>
      </c>
      <c r="P101" s="3" t="s">
        <v>54</v>
      </c>
      <c r="Q101" s="3" t="s">
        <v>37</v>
      </c>
      <c r="R101" s="3" t="s">
        <v>39</v>
      </c>
      <c r="S101" s="3" t="s">
        <v>457</v>
      </c>
      <c r="T101" s="3"/>
      <c r="U101" s="3" t="s">
        <v>37</v>
      </c>
      <c r="V101" s="3" t="s">
        <v>37</v>
      </c>
    </row>
    <row r="102" spans="1:22" x14ac:dyDescent="0.25">
      <c r="A102" s="3" t="s">
        <v>22</v>
      </c>
      <c r="B102" s="4" t="s">
        <v>408</v>
      </c>
      <c r="C102" s="3" t="s">
        <v>409</v>
      </c>
      <c r="D102" s="5" t="s">
        <v>458</v>
      </c>
      <c r="E102" s="3" t="s">
        <v>47</v>
      </c>
      <c r="F102" s="3" t="s">
        <v>459</v>
      </c>
      <c r="G102" s="3" t="s">
        <v>247</v>
      </c>
      <c r="H102" s="3" t="s">
        <v>59</v>
      </c>
      <c r="I102" s="3" t="s">
        <v>50</v>
      </c>
      <c r="J102" s="3" t="s">
        <v>460</v>
      </c>
      <c r="K102" s="3" t="s">
        <v>32</v>
      </c>
      <c r="L102" s="3" t="s">
        <v>33</v>
      </c>
      <c r="M102" s="3" t="s">
        <v>34</v>
      </c>
      <c r="N102" s="3" t="s">
        <v>61</v>
      </c>
      <c r="O102" s="3" t="s">
        <v>53</v>
      </c>
      <c r="P102" s="3" t="s">
        <v>54</v>
      </c>
      <c r="Q102" s="3" t="s">
        <v>37</v>
      </c>
      <c r="R102" s="3" t="s">
        <v>39</v>
      </c>
      <c r="S102" s="3" t="s">
        <v>461</v>
      </c>
      <c r="T102" s="3"/>
      <c r="U102" s="3" t="s">
        <v>37</v>
      </c>
      <c r="V102" s="3" t="s">
        <v>37</v>
      </c>
    </row>
    <row r="103" spans="1:22" x14ac:dyDescent="0.25">
      <c r="A103" s="3" t="s">
        <v>22</v>
      </c>
      <c r="B103" s="4" t="s">
        <v>408</v>
      </c>
      <c r="C103" s="3" t="s">
        <v>409</v>
      </c>
      <c r="D103" s="5" t="s">
        <v>462</v>
      </c>
      <c r="E103" s="3" t="s">
        <v>463</v>
      </c>
      <c r="F103" s="3" t="s">
        <v>464</v>
      </c>
      <c r="G103" s="3" t="s">
        <v>375</v>
      </c>
      <c r="H103" s="3" t="s">
        <v>59</v>
      </c>
      <c r="I103" s="3" t="s">
        <v>465</v>
      </c>
      <c r="J103" s="3" t="s">
        <v>466</v>
      </c>
      <c r="K103" s="3" t="s">
        <v>32</v>
      </c>
      <c r="L103" s="3" t="s">
        <v>114</v>
      </c>
      <c r="M103" s="3" t="s">
        <v>68</v>
      </c>
      <c r="N103" s="3" t="s">
        <v>61</v>
      </c>
      <c r="O103" s="3" t="s">
        <v>53</v>
      </c>
      <c r="P103" s="3" t="s">
        <v>37</v>
      </c>
      <c r="Q103" s="3" t="s">
        <v>37</v>
      </c>
      <c r="R103" s="3" t="s">
        <v>39</v>
      </c>
      <c r="S103" s="3" t="s">
        <v>467</v>
      </c>
      <c r="T103" s="3"/>
      <c r="U103" s="3" t="s">
        <v>37</v>
      </c>
      <c r="V103" s="3" t="s">
        <v>37</v>
      </c>
    </row>
    <row r="104" spans="1:22" x14ac:dyDescent="0.25">
      <c r="A104" s="3" t="s">
        <v>22</v>
      </c>
      <c r="B104" s="4" t="s">
        <v>408</v>
      </c>
      <c r="C104" s="3" t="s">
        <v>409</v>
      </c>
      <c r="D104" s="5" t="s">
        <v>468</v>
      </c>
      <c r="E104" s="3" t="s">
        <v>463</v>
      </c>
      <c r="F104" s="3" t="s">
        <v>469</v>
      </c>
      <c r="G104" s="3" t="s">
        <v>247</v>
      </c>
      <c r="H104" s="3" t="s">
        <v>59</v>
      </c>
      <c r="I104" s="3" t="s">
        <v>470</v>
      </c>
      <c r="J104" s="3" t="s">
        <v>471</v>
      </c>
      <c r="K104" s="3" t="s">
        <v>32</v>
      </c>
      <c r="L104" s="3" t="s">
        <v>114</v>
      </c>
      <c r="M104" s="3" t="s">
        <v>68</v>
      </c>
      <c r="N104" s="3" t="s">
        <v>61</v>
      </c>
      <c r="O104" s="3" t="s">
        <v>36</v>
      </c>
      <c r="P104" s="3" t="s">
        <v>37</v>
      </c>
      <c r="Q104" s="3" t="s">
        <v>37</v>
      </c>
      <c r="R104" s="3" t="s">
        <v>39</v>
      </c>
      <c r="S104" s="3" t="s">
        <v>472</v>
      </c>
      <c r="T104" s="3"/>
      <c r="U104" s="3" t="s">
        <v>37</v>
      </c>
      <c r="V104" s="3" t="s">
        <v>37</v>
      </c>
    </row>
    <row r="105" spans="1:22" x14ac:dyDescent="0.25">
      <c r="A105" s="3" t="s">
        <v>22</v>
      </c>
      <c r="B105" s="4" t="s">
        <v>408</v>
      </c>
      <c r="C105" s="3" t="s">
        <v>409</v>
      </c>
      <c r="D105" s="5" t="s">
        <v>473</v>
      </c>
      <c r="E105" s="3" t="s">
        <v>47</v>
      </c>
      <c r="F105" s="3" t="s">
        <v>321</v>
      </c>
      <c r="G105" s="3" t="s">
        <v>155</v>
      </c>
      <c r="H105" s="3" t="s">
        <v>29</v>
      </c>
      <c r="I105" s="3" t="s">
        <v>50</v>
      </c>
      <c r="J105" s="3" t="s">
        <v>322</v>
      </c>
      <c r="K105" s="3" t="s">
        <v>32</v>
      </c>
      <c r="L105" s="3" t="s">
        <v>33</v>
      </c>
      <c r="M105" s="3" t="s">
        <v>34</v>
      </c>
      <c r="N105" s="3" t="s">
        <v>52</v>
      </c>
      <c r="O105" s="3" t="s">
        <v>53</v>
      </c>
      <c r="P105" s="3" t="s">
        <v>54</v>
      </c>
      <c r="Q105" s="3" t="s">
        <v>38</v>
      </c>
      <c r="R105" s="3" t="s">
        <v>39</v>
      </c>
      <c r="S105" s="3" t="s">
        <v>323</v>
      </c>
      <c r="T105" s="3"/>
      <c r="U105" s="3" t="s">
        <v>37</v>
      </c>
      <c r="V105" s="3" t="s">
        <v>37</v>
      </c>
    </row>
    <row r="106" spans="1:22" x14ac:dyDescent="0.25">
      <c r="A106" s="3" t="s">
        <v>22</v>
      </c>
      <c r="B106" s="4" t="s">
        <v>408</v>
      </c>
      <c r="C106" s="3" t="s">
        <v>409</v>
      </c>
      <c r="D106" s="5" t="s">
        <v>474</v>
      </c>
      <c r="E106" s="3" t="s">
        <v>47</v>
      </c>
      <c r="F106" s="3" t="s">
        <v>324</v>
      </c>
      <c r="G106" s="3" t="s">
        <v>66</v>
      </c>
      <c r="H106" s="3" t="s">
        <v>29</v>
      </c>
      <c r="I106" s="3" t="s">
        <v>50</v>
      </c>
      <c r="J106" s="3" t="s">
        <v>325</v>
      </c>
      <c r="K106" s="3" t="s">
        <v>32</v>
      </c>
      <c r="L106" s="3" t="s">
        <v>33</v>
      </c>
      <c r="M106" s="3" t="s">
        <v>34</v>
      </c>
      <c r="N106" s="3" t="s">
        <v>52</v>
      </c>
      <c r="O106" s="3" t="s">
        <v>53</v>
      </c>
      <c r="P106" s="3" t="s">
        <v>54</v>
      </c>
      <c r="Q106" s="3" t="s">
        <v>38</v>
      </c>
      <c r="R106" s="3" t="s">
        <v>39</v>
      </c>
      <c r="S106" s="3" t="s">
        <v>326</v>
      </c>
      <c r="T106" s="3"/>
      <c r="U106" s="3" t="s">
        <v>37</v>
      </c>
      <c r="V106" s="3" t="s">
        <v>37</v>
      </c>
    </row>
    <row r="107" spans="1:22" x14ac:dyDescent="0.25">
      <c r="A107" s="3" t="s">
        <v>22</v>
      </c>
      <c r="B107" s="4" t="s">
        <v>408</v>
      </c>
      <c r="C107" s="3" t="s">
        <v>409</v>
      </c>
      <c r="D107" s="5" t="s">
        <v>137</v>
      </c>
      <c r="E107" s="3" t="s">
        <v>153</v>
      </c>
      <c r="F107" s="3" t="s">
        <v>476</v>
      </c>
      <c r="G107" s="3" t="s">
        <v>247</v>
      </c>
      <c r="H107" s="3" t="s">
        <v>59</v>
      </c>
      <c r="I107" s="3" t="s">
        <v>37</v>
      </c>
      <c r="J107" s="3" t="s">
        <v>477</v>
      </c>
      <c r="K107" s="3" t="s">
        <v>32</v>
      </c>
      <c r="L107" s="3" t="s">
        <v>33</v>
      </c>
      <c r="M107" s="3" t="s">
        <v>34</v>
      </c>
      <c r="N107" s="3" t="s">
        <v>190</v>
      </c>
      <c r="O107" s="3" t="s">
        <v>53</v>
      </c>
      <c r="P107" s="3" t="s">
        <v>37</v>
      </c>
      <c r="Q107" s="3" t="s">
        <v>37</v>
      </c>
      <c r="R107" s="3" t="s">
        <v>39</v>
      </c>
      <c r="S107" s="3" t="s">
        <v>478</v>
      </c>
      <c r="T107" s="3"/>
      <c r="U107" s="3" t="s">
        <v>37</v>
      </c>
      <c r="V107" s="3" t="s">
        <v>37</v>
      </c>
    </row>
    <row r="108" spans="1:22" x14ac:dyDescent="0.25">
      <c r="A108" s="3" t="s">
        <v>22</v>
      </c>
      <c r="B108" s="4" t="s">
        <v>408</v>
      </c>
      <c r="C108" s="3" t="s">
        <v>409</v>
      </c>
      <c r="D108" s="5" t="s">
        <v>150</v>
      </c>
      <c r="E108" s="3" t="s">
        <v>479</v>
      </c>
      <c r="F108" s="3" t="s">
        <v>480</v>
      </c>
      <c r="G108" s="3" t="s">
        <v>481</v>
      </c>
      <c r="H108" s="3" t="s">
        <v>59</v>
      </c>
      <c r="I108" s="3" t="s">
        <v>482</v>
      </c>
      <c r="J108" s="3" t="s">
        <v>483</v>
      </c>
      <c r="K108" s="3" t="s">
        <v>32</v>
      </c>
      <c r="L108" s="3" t="s">
        <v>33</v>
      </c>
      <c r="M108" s="3" t="s">
        <v>68</v>
      </c>
      <c r="N108" s="3" t="s">
        <v>484</v>
      </c>
      <c r="O108" s="3" t="s">
        <v>53</v>
      </c>
      <c r="P108" s="3" t="s">
        <v>37</v>
      </c>
      <c r="Q108" s="3" t="s">
        <v>37</v>
      </c>
      <c r="R108" s="3" t="s">
        <v>39</v>
      </c>
      <c r="S108" s="3" t="s">
        <v>485</v>
      </c>
      <c r="T108" s="3"/>
      <c r="U108" s="3" t="s">
        <v>37</v>
      </c>
      <c r="V108" s="3" t="s">
        <v>37</v>
      </c>
    </row>
    <row r="109" spans="1:22" x14ac:dyDescent="0.25">
      <c r="A109" s="3" t="s">
        <v>22</v>
      </c>
      <c r="B109" s="4" t="s">
        <v>408</v>
      </c>
      <c r="C109" s="3" t="s">
        <v>409</v>
      </c>
      <c r="D109" s="5" t="s">
        <v>160</v>
      </c>
      <c r="E109" s="3" t="s">
        <v>479</v>
      </c>
      <c r="F109" s="3" t="s">
        <v>486</v>
      </c>
      <c r="G109" s="3" t="s">
        <v>487</v>
      </c>
      <c r="H109" s="3" t="s">
        <v>59</v>
      </c>
      <c r="I109" s="3" t="s">
        <v>488</v>
      </c>
      <c r="J109" s="3" t="s">
        <v>489</v>
      </c>
      <c r="K109" s="3" t="s">
        <v>32</v>
      </c>
      <c r="L109" s="3" t="s">
        <v>33</v>
      </c>
      <c r="M109" s="3" t="s">
        <v>68</v>
      </c>
      <c r="N109" s="3" t="s">
        <v>484</v>
      </c>
      <c r="O109" s="3" t="s">
        <v>53</v>
      </c>
      <c r="P109" s="3" t="s">
        <v>37</v>
      </c>
      <c r="Q109" s="3" t="s">
        <v>37</v>
      </c>
      <c r="R109" s="3" t="s">
        <v>39</v>
      </c>
      <c r="S109" s="3" t="s">
        <v>490</v>
      </c>
      <c r="T109" s="3"/>
      <c r="U109" s="3" t="s">
        <v>37</v>
      </c>
      <c r="V109" s="3" t="s">
        <v>37</v>
      </c>
    </row>
    <row r="110" spans="1:22" x14ac:dyDescent="0.25">
      <c r="A110" s="3" t="s">
        <v>22</v>
      </c>
      <c r="B110" s="4" t="s">
        <v>408</v>
      </c>
      <c r="C110" s="3" t="s">
        <v>409</v>
      </c>
      <c r="D110" s="5" t="s">
        <v>169</v>
      </c>
      <c r="E110" s="3" t="s">
        <v>47</v>
      </c>
      <c r="F110" s="3" t="s">
        <v>309</v>
      </c>
      <c r="G110" s="3" t="s">
        <v>310</v>
      </c>
      <c r="H110" s="3" t="s">
        <v>59</v>
      </c>
      <c r="I110" s="3" t="s">
        <v>50</v>
      </c>
      <c r="J110" s="3" t="s">
        <v>311</v>
      </c>
      <c r="K110" s="3" t="s">
        <v>32</v>
      </c>
      <c r="L110" s="3" t="s">
        <v>33</v>
      </c>
      <c r="M110" s="3" t="s">
        <v>34</v>
      </c>
      <c r="N110" s="3" t="s">
        <v>61</v>
      </c>
      <c r="O110" s="3" t="s">
        <v>53</v>
      </c>
      <c r="P110" s="3" t="s">
        <v>54</v>
      </c>
      <c r="Q110" s="3" t="s">
        <v>37</v>
      </c>
      <c r="R110" s="3" t="s">
        <v>39</v>
      </c>
      <c r="S110" s="3" t="s">
        <v>312</v>
      </c>
      <c r="T110" s="3"/>
      <c r="U110" s="3" t="s">
        <v>37</v>
      </c>
      <c r="V110" s="3" t="s">
        <v>37</v>
      </c>
    </row>
    <row r="111" spans="1:22" x14ac:dyDescent="0.25">
      <c r="A111" s="3" t="s">
        <v>22</v>
      </c>
      <c r="B111" s="4" t="s">
        <v>408</v>
      </c>
      <c r="C111" s="3" t="s">
        <v>409</v>
      </c>
      <c r="D111" s="5" t="s">
        <v>174</v>
      </c>
      <c r="E111" s="3" t="s">
        <v>47</v>
      </c>
      <c r="F111" s="3" t="s">
        <v>491</v>
      </c>
      <c r="G111" s="3" t="s">
        <v>492</v>
      </c>
      <c r="H111" s="3" t="s">
        <v>59</v>
      </c>
      <c r="I111" s="3" t="s">
        <v>50</v>
      </c>
      <c r="J111" s="3" t="s">
        <v>493</v>
      </c>
      <c r="K111" s="3" t="s">
        <v>32</v>
      </c>
      <c r="L111" s="3" t="s">
        <v>33</v>
      </c>
      <c r="M111" s="3" t="s">
        <v>34</v>
      </c>
      <c r="N111" s="3" t="s">
        <v>61</v>
      </c>
      <c r="O111" s="3" t="s">
        <v>53</v>
      </c>
      <c r="P111" s="3" t="s">
        <v>54</v>
      </c>
      <c r="Q111" s="3" t="s">
        <v>37</v>
      </c>
      <c r="R111" s="3" t="s">
        <v>39</v>
      </c>
      <c r="S111" s="3" t="s">
        <v>494</v>
      </c>
      <c r="T111" s="3"/>
      <c r="U111" s="3" t="s">
        <v>37</v>
      </c>
      <c r="V111" s="3" t="s">
        <v>37</v>
      </c>
    </row>
    <row r="112" spans="1:22" x14ac:dyDescent="0.25">
      <c r="A112" s="3" t="s">
        <v>22</v>
      </c>
      <c r="B112" s="4" t="s">
        <v>408</v>
      </c>
      <c r="C112" s="3" t="s">
        <v>409</v>
      </c>
      <c r="D112" s="5" t="s">
        <v>179</v>
      </c>
      <c r="E112" s="3" t="s">
        <v>495</v>
      </c>
      <c r="F112" s="3" t="s">
        <v>496</v>
      </c>
      <c r="G112" s="3" t="s">
        <v>497</v>
      </c>
      <c r="H112" s="3" t="s">
        <v>59</v>
      </c>
      <c r="I112" s="3" t="s">
        <v>37</v>
      </c>
      <c r="J112" s="3" t="s">
        <v>498</v>
      </c>
      <c r="K112" s="3" t="s">
        <v>32</v>
      </c>
      <c r="L112" s="3" t="s">
        <v>33</v>
      </c>
      <c r="M112" s="3" t="s">
        <v>68</v>
      </c>
      <c r="N112" s="3" t="s">
        <v>190</v>
      </c>
      <c r="O112" s="3" t="s">
        <v>53</v>
      </c>
      <c r="P112" s="3" t="s">
        <v>37</v>
      </c>
      <c r="Q112" s="3" t="s">
        <v>37</v>
      </c>
      <c r="R112" s="3" t="s">
        <v>39</v>
      </c>
      <c r="S112" s="3" t="s">
        <v>499</v>
      </c>
      <c r="T112" s="3" t="s">
        <v>127</v>
      </c>
      <c r="U112" s="3" t="s">
        <v>37</v>
      </c>
      <c r="V112" s="3" t="s">
        <v>37</v>
      </c>
    </row>
    <row r="113" spans="1:22" x14ac:dyDescent="0.25">
      <c r="A113" s="3" t="s">
        <v>22</v>
      </c>
      <c r="B113" s="4" t="s">
        <v>408</v>
      </c>
      <c r="C113" s="3" t="s">
        <v>409</v>
      </c>
      <c r="D113" s="5" t="s">
        <v>354</v>
      </c>
      <c r="E113" s="3" t="s">
        <v>495</v>
      </c>
      <c r="F113" s="3" t="s">
        <v>500</v>
      </c>
      <c r="G113" s="3" t="s">
        <v>344</v>
      </c>
      <c r="H113" s="3" t="s">
        <v>59</v>
      </c>
      <c r="I113" s="3" t="s">
        <v>37</v>
      </c>
      <c r="J113" s="3" t="s">
        <v>501</v>
      </c>
      <c r="K113" s="3" t="s">
        <v>32</v>
      </c>
      <c r="L113" s="3" t="s">
        <v>33</v>
      </c>
      <c r="M113" s="3" t="s">
        <v>68</v>
      </c>
      <c r="N113" s="3" t="s">
        <v>190</v>
      </c>
      <c r="O113" s="3" t="s">
        <v>53</v>
      </c>
      <c r="P113" s="3" t="s">
        <v>37</v>
      </c>
      <c r="Q113" s="3" t="s">
        <v>37</v>
      </c>
      <c r="R113" s="3" t="s">
        <v>39</v>
      </c>
      <c r="S113" s="3" t="s">
        <v>502</v>
      </c>
      <c r="T113" s="3"/>
      <c r="U113" s="3" t="s">
        <v>37</v>
      </c>
      <c r="V113" s="3" t="s">
        <v>37</v>
      </c>
    </row>
    <row r="114" spans="1:22" x14ac:dyDescent="0.25">
      <c r="A114" s="3" t="s">
        <v>22</v>
      </c>
      <c r="B114" s="4" t="s">
        <v>408</v>
      </c>
      <c r="C114" s="3" t="s">
        <v>409</v>
      </c>
      <c r="D114" s="5" t="s">
        <v>186</v>
      </c>
      <c r="E114" s="3" t="s">
        <v>47</v>
      </c>
      <c r="F114" s="3" t="s">
        <v>503</v>
      </c>
      <c r="G114" s="3" t="s">
        <v>328</v>
      </c>
      <c r="H114" s="3" t="s">
        <v>29</v>
      </c>
      <c r="I114" s="3" t="s">
        <v>50</v>
      </c>
      <c r="J114" s="3" t="s">
        <v>504</v>
      </c>
      <c r="K114" s="3" t="s">
        <v>32</v>
      </c>
      <c r="L114" s="3" t="s">
        <v>33</v>
      </c>
      <c r="M114" s="3" t="s">
        <v>34</v>
      </c>
      <c r="N114" s="3" t="s">
        <v>52</v>
      </c>
      <c r="O114" s="3" t="s">
        <v>53</v>
      </c>
      <c r="P114" s="3" t="s">
        <v>54</v>
      </c>
      <c r="Q114" s="3" t="s">
        <v>38</v>
      </c>
      <c r="R114" s="3" t="s">
        <v>39</v>
      </c>
      <c r="S114" s="3" t="s">
        <v>505</v>
      </c>
      <c r="T114" s="3"/>
      <c r="U114" s="3" t="s">
        <v>37</v>
      </c>
      <c r="V114" s="3" t="s">
        <v>37</v>
      </c>
    </row>
    <row r="115" spans="1:22" x14ac:dyDescent="0.25">
      <c r="A115" s="3" t="s">
        <v>22</v>
      </c>
      <c r="B115" s="4" t="s">
        <v>408</v>
      </c>
      <c r="C115" s="3" t="s">
        <v>409</v>
      </c>
      <c r="D115" s="5" t="s">
        <v>192</v>
      </c>
      <c r="E115" s="3" t="s">
        <v>47</v>
      </c>
      <c r="F115" s="3" t="s">
        <v>506</v>
      </c>
      <c r="G115" s="3" t="s">
        <v>162</v>
      </c>
      <c r="H115" s="3" t="s">
        <v>29</v>
      </c>
      <c r="I115" s="3" t="s">
        <v>50</v>
      </c>
      <c r="J115" s="3" t="s">
        <v>507</v>
      </c>
      <c r="K115" s="3" t="s">
        <v>32</v>
      </c>
      <c r="L115" s="3" t="s">
        <v>33</v>
      </c>
      <c r="M115" s="3" t="s">
        <v>34</v>
      </c>
      <c r="N115" s="3" t="s">
        <v>52</v>
      </c>
      <c r="O115" s="3" t="s">
        <v>53</v>
      </c>
      <c r="P115" s="3" t="s">
        <v>54</v>
      </c>
      <c r="Q115" s="3" t="s">
        <v>38</v>
      </c>
      <c r="R115" s="3" t="s">
        <v>39</v>
      </c>
      <c r="S115" s="3" t="s">
        <v>508</v>
      </c>
      <c r="T115" s="3"/>
      <c r="U115" s="3" t="s">
        <v>37</v>
      </c>
      <c r="V115" s="3" t="s">
        <v>37</v>
      </c>
    </row>
    <row r="116" spans="1:22" x14ac:dyDescent="0.25">
      <c r="A116" s="3" t="s">
        <v>22</v>
      </c>
      <c r="B116" s="4" t="s">
        <v>408</v>
      </c>
      <c r="C116" s="3" t="s">
        <v>409</v>
      </c>
      <c r="D116" s="5" t="s">
        <v>196</v>
      </c>
      <c r="E116" s="3" t="s">
        <v>47</v>
      </c>
      <c r="F116" s="3" t="s">
        <v>509</v>
      </c>
      <c r="G116" s="3" t="s">
        <v>147</v>
      </c>
      <c r="H116" s="3" t="s">
        <v>29</v>
      </c>
      <c r="I116" s="3" t="s">
        <v>50</v>
      </c>
      <c r="J116" s="3" t="s">
        <v>510</v>
      </c>
      <c r="K116" s="3" t="s">
        <v>32</v>
      </c>
      <c r="L116" s="3" t="s">
        <v>33</v>
      </c>
      <c r="M116" s="3" t="s">
        <v>34</v>
      </c>
      <c r="N116" s="3" t="s">
        <v>52</v>
      </c>
      <c r="O116" s="3" t="s">
        <v>53</v>
      </c>
      <c r="P116" s="3" t="s">
        <v>54</v>
      </c>
      <c r="Q116" s="3" t="s">
        <v>38</v>
      </c>
      <c r="R116" s="3" t="s">
        <v>39</v>
      </c>
      <c r="S116" s="3" t="s">
        <v>511</v>
      </c>
      <c r="T116" s="3"/>
      <c r="U116" s="3" t="s">
        <v>37</v>
      </c>
      <c r="V116" s="3" t="s">
        <v>37</v>
      </c>
    </row>
    <row r="117" spans="1:22" x14ac:dyDescent="0.25">
      <c r="A117" s="3" t="s">
        <v>22</v>
      </c>
      <c r="B117" s="4" t="s">
        <v>408</v>
      </c>
      <c r="C117" s="3" t="s">
        <v>409</v>
      </c>
      <c r="D117" s="5" t="s">
        <v>199</v>
      </c>
      <c r="E117" s="3" t="s">
        <v>72</v>
      </c>
      <c r="F117" s="3" t="s">
        <v>512</v>
      </c>
      <c r="G117" s="3" t="s">
        <v>513</v>
      </c>
      <c r="H117" s="3" t="s">
        <v>87</v>
      </c>
      <c r="I117" s="3" t="s">
        <v>37</v>
      </c>
      <c r="J117" s="3" t="s">
        <v>514</v>
      </c>
      <c r="K117" s="3" t="s">
        <v>32</v>
      </c>
      <c r="L117" s="3" t="s">
        <v>33</v>
      </c>
      <c r="M117" s="3" t="s">
        <v>68</v>
      </c>
      <c r="N117" s="3" t="s">
        <v>190</v>
      </c>
      <c r="O117" s="3" t="s">
        <v>53</v>
      </c>
      <c r="P117" s="3" t="s">
        <v>54</v>
      </c>
      <c r="Q117" s="3" t="s">
        <v>37</v>
      </c>
      <c r="R117" s="3" t="s">
        <v>39</v>
      </c>
      <c r="S117" s="3" t="s">
        <v>515</v>
      </c>
      <c r="T117" s="3"/>
      <c r="U117" s="3" t="s">
        <v>37</v>
      </c>
      <c r="V117" s="3" t="s">
        <v>37</v>
      </c>
    </row>
    <row r="118" spans="1:22" x14ac:dyDescent="0.25">
      <c r="A118" s="3" t="s">
        <v>22</v>
      </c>
      <c r="B118" s="4" t="s">
        <v>408</v>
      </c>
      <c r="C118" s="3" t="s">
        <v>409</v>
      </c>
      <c r="D118" s="5" t="s">
        <v>204</v>
      </c>
      <c r="E118" s="3" t="s">
        <v>72</v>
      </c>
      <c r="F118" s="3" t="s">
        <v>516</v>
      </c>
      <c r="G118" s="3" t="s">
        <v>517</v>
      </c>
      <c r="H118" s="3" t="s">
        <v>87</v>
      </c>
      <c r="I118" s="3" t="s">
        <v>37</v>
      </c>
      <c r="J118" s="3" t="s">
        <v>518</v>
      </c>
      <c r="K118" s="3" t="s">
        <v>32</v>
      </c>
      <c r="L118" s="3" t="s">
        <v>33</v>
      </c>
      <c r="M118" s="3" t="s">
        <v>68</v>
      </c>
      <c r="N118" s="3" t="s">
        <v>190</v>
      </c>
      <c r="O118" s="3" t="s">
        <v>53</v>
      </c>
      <c r="P118" s="3" t="s">
        <v>54</v>
      </c>
      <c r="Q118" s="3" t="s">
        <v>37</v>
      </c>
      <c r="R118" s="3" t="s">
        <v>39</v>
      </c>
      <c r="S118" s="3" t="s">
        <v>519</v>
      </c>
      <c r="T118" s="3"/>
      <c r="U118" s="3" t="s">
        <v>37</v>
      </c>
      <c r="V118" s="3" t="s">
        <v>37</v>
      </c>
    </row>
    <row r="119" spans="1:22" x14ac:dyDescent="0.25">
      <c r="A119" s="3" t="s">
        <v>22</v>
      </c>
      <c r="B119" s="4" t="s">
        <v>408</v>
      </c>
      <c r="C119" s="3" t="s">
        <v>409</v>
      </c>
      <c r="D119" s="5" t="s">
        <v>520</v>
      </c>
      <c r="E119" s="3" t="s">
        <v>521</v>
      </c>
      <c r="F119" s="3" t="s">
        <v>522</v>
      </c>
      <c r="G119" s="3" t="s">
        <v>497</v>
      </c>
      <c r="H119" s="3" t="s">
        <v>59</v>
      </c>
      <c r="I119" s="3" t="s">
        <v>523</v>
      </c>
      <c r="J119" s="3" t="s">
        <v>524</v>
      </c>
      <c r="K119" s="3" t="s">
        <v>32</v>
      </c>
      <c r="L119" s="3" t="s">
        <v>37</v>
      </c>
      <c r="M119" s="3" t="s">
        <v>34</v>
      </c>
      <c r="N119" s="3" t="s">
        <v>77</v>
      </c>
      <c r="O119" s="3" t="s">
        <v>223</v>
      </c>
      <c r="P119" s="3" t="s">
        <v>37</v>
      </c>
      <c r="Q119" s="3" t="s">
        <v>37</v>
      </c>
      <c r="R119" s="3" t="s">
        <v>39</v>
      </c>
      <c r="S119" s="3" t="s">
        <v>525</v>
      </c>
      <c r="T119" s="3"/>
      <c r="U119" s="3" t="s">
        <v>37</v>
      </c>
      <c r="V119" s="3" t="s">
        <v>37</v>
      </c>
    </row>
    <row r="120" spans="1:22" x14ac:dyDescent="0.25">
      <c r="A120" s="3" t="s">
        <v>22</v>
      </c>
      <c r="B120" s="4" t="s">
        <v>408</v>
      </c>
      <c r="C120" s="3" t="s">
        <v>409</v>
      </c>
      <c r="D120" s="5" t="s">
        <v>526</v>
      </c>
      <c r="E120" s="3" t="s">
        <v>521</v>
      </c>
      <c r="F120" s="3" t="s">
        <v>527</v>
      </c>
      <c r="G120" s="3" t="s">
        <v>124</v>
      </c>
      <c r="H120" s="3" t="s">
        <v>59</v>
      </c>
      <c r="I120" s="3" t="s">
        <v>523</v>
      </c>
      <c r="J120" s="3" t="s">
        <v>528</v>
      </c>
      <c r="K120" s="3" t="s">
        <v>32</v>
      </c>
      <c r="L120" s="3" t="s">
        <v>37</v>
      </c>
      <c r="M120" s="3" t="s">
        <v>34</v>
      </c>
      <c r="N120" s="3" t="s">
        <v>77</v>
      </c>
      <c r="O120" s="3" t="s">
        <v>223</v>
      </c>
      <c r="P120" s="3" t="s">
        <v>37</v>
      </c>
      <c r="Q120" s="3" t="s">
        <v>37</v>
      </c>
      <c r="R120" s="3" t="s">
        <v>39</v>
      </c>
      <c r="S120" s="3" t="s">
        <v>529</v>
      </c>
      <c r="T120" s="3"/>
      <c r="U120" s="3" t="s">
        <v>37</v>
      </c>
      <c r="V120" s="3" t="s">
        <v>37</v>
      </c>
    </row>
    <row r="121" spans="1:22" x14ac:dyDescent="0.25">
      <c r="A121" s="3" t="s">
        <v>22</v>
      </c>
      <c r="B121" s="4" t="s">
        <v>408</v>
      </c>
      <c r="C121" s="3" t="s">
        <v>409</v>
      </c>
      <c r="D121" s="5" t="s">
        <v>219</v>
      </c>
      <c r="E121" s="3" t="s">
        <v>463</v>
      </c>
      <c r="F121" s="3" t="s">
        <v>530</v>
      </c>
      <c r="G121" s="3" t="s">
        <v>310</v>
      </c>
      <c r="H121" s="3" t="s">
        <v>59</v>
      </c>
      <c r="I121" s="3" t="s">
        <v>531</v>
      </c>
      <c r="J121" s="3" t="s">
        <v>532</v>
      </c>
      <c r="K121" s="3" t="s">
        <v>32</v>
      </c>
      <c r="L121" s="3" t="s">
        <v>114</v>
      </c>
      <c r="M121" s="3" t="s">
        <v>68</v>
      </c>
      <c r="N121" s="3" t="s">
        <v>61</v>
      </c>
      <c r="O121" s="3" t="s">
        <v>36</v>
      </c>
      <c r="P121" s="3" t="s">
        <v>37</v>
      </c>
      <c r="Q121" s="3" t="s">
        <v>37</v>
      </c>
      <c r="R121" s="3" t="s">
        <v>39</v>
      </c>
      <c r="S121" s="3" t="s">
        <v>533</v>
      </c>
      <c r="T121" s="3"/>
      <c r="U121" s="3" t="s">
        <v>37</v>
      </c>
      <c r="V121" s="3" t="s">
        <v>37</v>
      </c>
    </row>
    <row r="122" spans="1:22" x14ac:dyDescent="0.25">
      <c r="A122" s="3" t="s">
        <v>22</v>
      </c>
      <c r="B122" s="4" t="s">
        <v>408</v>
      </c>
      <c r="C122" s="3" t="s">
        <v>409</v>
      </c>
      <c r="D122" s="5" t="s">
        <v>225</v>
      </c>
      <c r="E122" s="3" t="s">
        <v>463</v>
      </c>
      <c r="F122" s="3" t="s">
        <v>534</v>
      </c>
      <c r="G122" s="3" t="s">
        <v>492</v>
      </c>
      <c r="H122" s="3" t="s">
        <v>87</v>
      </c>
      <c r="I122" s="3" t="s">
        <v>535</v>
      </c>
      <c r="J122" s="3" t="s">
        <v>536</v>
      </c>
      <c r="K122" s="3" t="s">
        <v>32</v>
      </c>
      <c r="L122" s="3" t="s">
        <v>114</v>
      </c>
      <c r="M122" s="3" t="s">
        <v>68</v>
      </c>
      <c r="N122" s="3" t="s">
        <v>69</v>
      </c>
      <c r="O122" s="3" t="s">
        <v>36</v>
      </c>
      <c r="P122" s="3" t="s">
        <v>54</v>
      </c>
      <c r="Q122" s="3" t="s">
        <v>37</v>
      </c>
      <c r="R122" s="3" t="s">
        <v>39</v>
      </c>
      <c r="S122" s="3" t="s">
        <v>537</v>
      </c>
      <c r="T122" s="3"/>
      <c r="U122" s="3" t="s">
        <v>37</v>
      </c>
      <c r="V122" s="3" t="s">
        <v>37</v>
      </c>
    </row>
    <row r="123" spans="1:22" x14ac:dyDescent="0.25">
      <c r="A123" s="3" t="s">
        <v>22</v>
      </c>
      <c r="B123" s="4" t="s">
        <v>408</v>
      </c>
      <c r="C123" s="3" t="s">
        <v>409</v>
      </c>
      <c r="D123" s="5" t="s">
        <v>230</v>
      </c>
      <c r="E123" s="3" t="s">
        <v>187</v>
      </c>
      <c r="F123" s="3" t="s">
        <v>538</v>
      </c>
      <c r="G123" s="3" t="s">
        <v>147</v>
      </c>
      <c r="H123" s="3" t="s">
        <v>29</v>
      </c>
      <c r="I123" s="3" t="s">
        <v>37</v>
      </c>
      <c r="J123" s="3" t="s">
        <v>539</v>
      </c>
      <c r="K123" s="3" t="s">
        <v>32</v>
      </c>
      <c r="L123" s="3" t="s">
        <v>114</v>
      </c>
      <c r="M123" s="3" t="s">
        <v>68</v>
      </c>
      <c r="N123" s="3" t="s">
        <v>69</v>
      </c>
      <c r="O123" s="3" t="s">
        <v>36</v>
      </c>
      <c r="P123" s="3" t="s">
        <v>54</v>
      </c>
      <c r="Q123" s="3" t="s">
        <v>37</v>
      </c>
      <c r="R123" s="3" t="s">
        <v>39</v>
      </c>
      <c r="S123" s="3" t="s">
        <v>540</v>
      </c>
      <c r="T123" s="3"/>
      <c r="U123" s="3" t="s">
        <v>37</v>
      </c>
      <c r="V123" s="3" t="s">
        <v>37</v>
      </c>
    </row>
    <row r="124" spans="1:22" x14ac:dyDescent="0.25">
      <c r="A124" s="3" t="s">
        <v>22</v>
      </c>
      <c r="B124" s="4" t="s">
        <v>408</v>
      </c>
      <c r="C124" s="3" t="s">
        <v>409</v>
      </c>
      <c r="D124" s="5" t="s">
        <v>235</v>
      </c>
      <c r="E124" s="3" t="s">
        <v>187</v>
      </c>
      <c r="F124" s="3" t="s">
        <v>541</v>
      </c>
      <c r="G124" s="3" t="s">
        <v>328</v>
      </c>
      <c r="H124" s="3" t="s">
        <v>29</v>
      </c>
      <c r="I124" s="3" t="s">
        <v>37</v>
      </c>
      <c r="J124" s="3" t="s">
        <v>542</v>
      </c>
      <c r="K124" s="3" t="s">
        <v>32</v>
      </c>
      <c r="L124" s="3" t="s">
        <v>114</v>
      </c>
      <c r="M124" s="3" t="s">
        <v>68</v>
      </c>
      <c r="N124" s="3" t="s">
        <v>69</v>
      </c>
      <c r="O124" s="3" t="s">
        <v>223</v>
      </c>
      <c r="P124" s="3" t="s">
        <v>54</v>
      </c>
      <c r="Q124" s="3" t="s">
        <v>37</v>
      </c>
      <c r="R124" s="3" t="s">
        <v>39</v>
      </c>
      <c r="S124" s="3" t="s">
        <v>543</v>
      </c>
      <c r="T124" s="3"/>
      <c r="U124" s="3" t="s">
        <v>37</v>
      </c>
      <c r="V124" s="3" t="s">
        <v>37</v>
      </c>
    </row>
    <row r="125" spans="1:22" x14ac:dyDescent="0.25">
      <c r="A125" s="3" t="s">
        <v>22</v>
      </c>
      <c r="B125" s="4" t="s">
        <v>408</v>
      </c>
      <c r="C125" s="3" t="s">
        <v>409</v>
      </c>
      <c r="D125" s="5" t="s">
        <v>239</v>
      </c>
      <c r="E125" s="3" t="s">
        <v>544</v>
      </c>
      <c r="F125" s="3" t="s">
        <v>545</v>
      </c>
      <c r="G125" s="3" t="s">
        <v>546</v>
      </c>
      <c r="H125" s="3" t="s">
        <v>29</v>
      </c>
      <c r="I125" s="3" t="s">
        <v>547</v>
      </c>
      <c r="J125" s="3" t="s">
        <v>548</v>
      </c>
      <c r="K125" s="3" t="s">
        <v>32</v>
      </c>
      <c r="L125" s="3" t="s">
        <v>114</v>
      </c>
      <c r="M125" s="3" t="s">
        <v>549</v>
      </c>
      <c r="N125" s="3" t="s">
        <v>550</v>
      </c>
      <c r="O125" s="3" t="s">
        <v>551</v>
      </c>
      <c r="P125" s="3" t="s">
        <v>54</v>
      </c>
      <c r="Q125" s="3" t="s">
        <v>38</v>
      </c>
      <c r="R125" s="3" t="s">
        <v>39</v>
      </c>
      <c r="S125" s="3" t="s">
        <v>552</v>
      </c>
      <c r="T125" s="3"/>
      <c r="U125" s="3" t="s">
        <v>37</v>
      </c>
      <c r="V125" s="3" t="s">
        <v>37</v>
      </c>
    </row>
    <row r="126" spans="1:22" x14ac:dyDescent="0.25">
      <c r="A126" s="3"/>
      <c r="B126" s="4"/>
      <c r="C126" s="3"/>
      <c r="D126" s="5"/>
      <c r="E126" s="6" t="s">
        <v>250</v>
      </c>
      <c r="F126" s="3"/>
      <c r="G126" s="3"/>
      <c r="H126" s="3"/>
      <c r="I126" s="3"/>
      <c r="J126" s="3"/>
      <c r="K126" s="3"/>
      <c r="L126" s="3"/>
      <c r="M126" s="3"/>
      <c r="N126" s="3"/>
      <c r="O126" s="3"/>
      <c r="P126" s="3"/>
      <c r="Q126" s="3"/>
      <c r="R126" s="3"/>
      <c r="S126" s="3"/>
      <c r="T126" s="3"/>
      <c r="U126" s="3"/>
      <c r="V126" s="3"/>
    </row>
    <row r="127" spans="1:22" x14ac:dyDescent="0.25">
      <c r="A127" s="3"/>
      <c r="B127" s="4"/>
      <c r="C127" s="3"/>
      <c r="D127" s="5"/>
      <c r="E127" s="6"/>
      <c r="F127" s="3"/>
      <c r="G127" s="3"/>
      <c r="H127" s="3"/>
      <c r="I127" s="3"/>
      <c r="J127" s="3"/>
      <c r="K127" s="3"/>
      <c r="L127" s="3"/>
      <c r="M127" s="3"/>
      <c r="N127" s="3"/>
      <c r="O127" s="3"/>
      <c r="P127" s="3"/>
      <c r="Q127" s="3"/>
      <c r="R127" s="3"/>
      <c r="S127" s="3"/>
      <c r="T127" s="3"/>
      <c r="U127" s="3"/>
      <c r="V127" s="3"/>
    </row>
    <row r="128" spans="1:22" x14ac:dyDescent="0.25">
      <c r="A128" s="3"/>
      <c r="B128" s="4"/>
      <c r="C128" s="3"/>
      <c r="D128" s="5"/>
      <c r="E128" s="3"/>
      <c r="F128" s="3"/>
      <c r="G128" s="3"/>
      <c r="H128" s="3"/>
      <c r="I128" s="3"/>
      <c r="J128" s="3"/>
      <c r="K128" s="3"/>
      <c r="L128" s="3"/>
      <c r="M128" s="3"/>
      <c r="N128" s="3"/>
      <c r="O128" s="3"/>
      <c r="P128" s="3"/>
      <c r="Q128" s="3"/>
      <c r="R128" s="3"/>
      <c r="S128" s="3"/>
      <c r="T128" s="3"/>
      <c r="U128" s="3"/>
      <c r="V128" s="3"/>
    </row>
    <row r="129" spans="1:22" x14ac:dyDescent="0.25">
      <c r="A129" s="3" t="s">
        <v>22</v>
      </c>
      <c r="B129" s="4" t="s">
        <v>553</v>
      </c>
      <c r="C129" s="3" t="s">
        <v>554</v>
      </c>
      <c r="D129" s="5" t="s">
        <v>25</v>
      </c>
      <c r="E129" s="3" t="s">
        <v>138</v>
      </c>
      <c r="F129" s="3" t="s">
        <v>555</v>
      </c>
      <c r="G129" s="3" t="s">
        <v>58</v>
      </c>
      <c r="H129" s="3" t="s">
        <v>59</v>
      </c>
      <c r="I129" s="3" t="s">
        <v>402</v>
      </c>
      <c r="J129" s="3" t="s">
        <v>556</v>
      </c>
      <c r="K129" s="3" t="s">
        <v>32</v>
      </c>
      <c r="L129" s="3" t="s">
        <v>33</v>
      </c>
      <c r="M129" s="3" t="s">
        <v>68</v>
      </c>
      <c r="N129" s="3" t="s">
        <v>69</v>
      </c>
      <c r="O129" s="3" t="s">
        <v>53</v>
      </c>
      <c r="P129" s="3" t="s">
        <v>54</v>
      </c>
      <c r="Q129" s="3" t="s">
        <v>37</v>
      </c>
      <c r="R129" s="3" t="s">
        <v>39</v>
      </c>
      <c r="S129" s="3" t="s">
        <v>557</v>
      </c>
      <c r="T129" s="3"/>
      <c r="U129" s="3" t="s">
        <v>37</v>
      </c>
      <c r="V129" s="3" t="s">
        <v>37</v>
      </c>
    </row>
    <row r="130" spans="1:22" x14ac:dyDescent="0.25">
      <c r="A130" s="3" t="s">
        <v>22</v>
      </c>
      <c r="B130" s="4" t="s">
        <v>553</v>
      </c>
      <c r="C130" s="3" t="s">
        <v>554</v>
      </c>
      <c r="D130" s="5" t="s">
        <v>41</v>
      </c>
      <c r="E130" s="3" t="s">
        <v>138</v>
      </c>
      <c r="F130" s="3" t="s">
        <v>558</v>
      </c>
      <c r="G130" s="3" t="s">
        <v>371</v>
      </c>
      <c r="H130" s="3" t="s">
        <v>59</v>
      </c>
      <c r="I130" s="3" t="s">
        <v>559</v>
      </c>
      <c r="J130" s="3" t="s">
        <v>560</v>
      </c>
      <c r="K130" s="3" t="s">
        <v>32</v>
      </c>
      <c r="L130" s="3" t="s">
        <v>33</v>
      </c>
      <c r="M130" s="3" t="s">
        <v>68</v>
      </c>
      <c r="N130" s="3" t="s">
        <v>69</v>
      </c>
      <c r="O130" s="3" t="s">
        <v>53</v>
      </c>
      <c r="P130" s="3" t="s">
        <v>54</v>
      </c>
      <c r="Q130" s="3" t="s">
        <v>37</v>
      </c>
      <c r="R130" s="3" t="s">
        <v>39</v>
      </c>
      <c r="S130" s="3" t="s">
        <v>561</v>
      </c>
      <c r="T130" s="3"/>
      <c r="U130" s="3" t="s">
        <v>37</v>
      </c>
      <c r="V130" s="3" t="s">
        <v>37</v>
      </c>
    </row>
    <row r="131" spans="1:22" x14ac:dyDescent="0.25">
      <c r="A131" s="3" t="s">
        <v>22</v>
      </c>
      <c r="B131" s="4" t="s">
        <v>553</v>
      </c>
      <c r="C131" s="3" t="s">
        <v>554</v>
      </c>
      <c r="D131" s="5" t="s">
        <v>46</v>
      </c>
      <c r="E131" s="3" t="s">
        <v>47</v>
      </c>
      <c r="F131" s="3" t="s">
        <v>562</v>
      </c>
      <c r="G131" s="3" t="s">
        <v>563</v>
      </c>
      <c r="H131" s="3" t="s">
        <v>29</v>
      </c>
      <c r="I131" s="3" t="s">
        <v>50</v>
      </c>
      <c r="J131" s="3" t="s">
        <v>564</v>
      </c>
      <c r="K131" s="3" t="s">
        <v>32</v>
      </c>
      <c r="L131" s="3" t="s">
        <v>33</v>
      </c>
      <c r="M131" s="3" t="s">
        <v>34</v>
      </c>
      <c r="N131" s="3" t="s">
        <v>52</v>
      </c>
      <c r="O131" s="3" t="s">
        <v>53</v>
      </c>
      <c r="P131" s="3" t="s">
        <v>54</v>
      </c>
      <c r="Q131" s="3" t="s">
        <v>38</v>
      </c>
      <c r="R131" s="3" t="s">
        <v>39</v>
      </c>
      <c r="S131" s="3" t="s">
        <v>565</v>
      </c>
      <c r="T131" s="3"/>
      <c r="U131" s="3" t="s">
        <v>37</v>
      </c>
      <c r="V131" s="3" t="s">
        <v>37</v>
      </c>
    </row>
    <row r="132" spans="1:22" x14ac:dyDescent="0.25">
      <c r="A132" s="3" t="s">
        <v>22</v>
      </c>
      <c r="B132" s="4" t="s">
        <v>553</v>
      </c>
      <c r="C132" s="3" t="s">
        <v>554</v>
      </c>
      <c r="D132" s="5" t="s">
        <v>56</v>
      </c>
      <c r="E132" s="3" t="s">
        <v>47</v>
      </c>
      <c r="F132" s="3" t="s">
        <v>503</v>
      </c>
      <c r="G132" s="3" t="s">
        <v>328</v>
      </c>
      <c r="H132" s="3" t="s">
        <v>29</v>
      </c>
      <c r="I132" s="3" t="s">
        <v>50</v>
      </c>
      <c r="J132" s="3" t="s">
        <v>504</v>
      </c>
      <c r="K132" s="3" t="s">
        <v>32</v>
      </c>
      <c r="L132" s="3" t="s">
        <v>33</v>
      </c>
      <c r="M132" s="3" t="s">
        <v>34</v>
      </c>
      <c r="N132" s="3" t="s">
        <v>52</v>
      </c>
      <c r="O132" s="3" t="s">
        <v>53</v>
      </c>
      <c r="P132" s="3" t="s">
        <v>54</v>
      </c>
      <c r="Q132" s="3" t="s">
        <v>38</v>
      </c>
      <c r="R132" s="3" t="s">
        <v>39</v>
      </c>
      <c r="S132" s="3" t="s">
        <v>505</v>
      </c>
      <c r="T132" s="3"/>
      <c r="U132" s="3" t="s">
        <v>37</v>
      </c>
      <c r="V132" s="3" t="s">
        <v>37</v>
      </c>
    </row>
    <row r="133" spans="1:22" x14ac:dyDescent="0.25">
      <c r="A133" s="3" t="s">
        <v>22</v>
      </c>
      <c r="B133" s="4" t="s">
        <v>553</v>
      </c>
      <c r="C133" s="3" t="s">
        <v>554</v>
      </c>
      <c r="D133" s="5" t="s">
        <v>63</v>
      </c>
      <c r="E133" s="3" t="s">
        <v>72</v>
      </c>
      <c r="F133" s="3" t="s">
        <v>566</v>
      </c>
      <c r="G133" s="3" t="s">
        <v>567</v>
      </c>
      <c r="H133" s="3" t="s">
        <v>87</v>
      </c>
      <c r="I133" s="3" t="s">
        <v>37</v>
      </c>
      <c r="J133" s="3" t="s">
        <v>568</v>
      </c>
      <c r="K133" s="3" t="s">
        <v>32</v>
      </c>
      <c r="L133" s="3" t="s">
        <v>33</v>
      </c>
      <c r="M133" s="3" t="s">
        <v>68</v>
      </c>
      <c r="N133" s="3" t="s">
        <v>190</v>
      </c>
      <c r="O133" s="3" t="s">
        <v>53</v>
      </c>
      <c r="P133" s="3" t="s">
        <v>54</v>
      </c>
      <c r="Q133" s="3" t="s">
        <v>37</v>
      </c>
      <c r="R133" s="3" t="s">
        <v>39</v>
      </c>
      <c r="S133" s="3" t="s">
        <v>569</v>
      </c>
      <c r="T133" s="3"/>
      <c r="U133" s="3" t="s">
        <v>37</v>
      </c>
      <c r="V133" s="3" t="s">
        <v>37</v>
      </c>
    </row>
    <row r="134" spans="1:22" x14ac:dyDescent="0.25">
      <c r="A134" s="3" t="s">
        <v>22</v>
      </c>
      <c r="B134" s="4" t="s">
        <v>553</v>
      </c>
      <c r="C134" s="3" t="s">
        <v>554</v>
      </c>
      <c r="D134" s="5" t="s">
        <v>70</v>
      </c>
      <c r="E134" s="3" t="s">
        <v>72</v>
      </c>
      <c r="F134" s="3" t="s">
        <v>570</v>
      </c>
      <c r="G134" s="3" t="s">
        <v>571</v>
      </c>
      <c r="H134" s="3" t="s">
        <v>87</v>
      </c>
      <c r="I134" s="3" t="s">
        <v>37</v>
      </c>
      <c r="J134" s="3" t="s">
        <v>572</v>
      </c>
      <c r="K134" s="3" t="s">
        <v>32</v>
      </c>
      <c r="L134" s="3" t="s">
        <v>33</v>
      </c>
      <c r="M134" s="3" t="s">
        <v>68</v>
      </c>
      <c r="N134" s="3" t="s">
        <v>190</v>
      </c>
      <c r="O134" s="3" t="s">
        <v>53</v>
      </c>
      <c r="P134" s="3" t="s">
        <v>54</v>
      </c>
      <c r="Q134" s="3" t="s">
        <v>37</v>
      </c>
      <c r="R134" s="3" t="s">
        <v>39</v>
      </c>
      <c r="S134" s="3" t="s">
        <v>573</v>
      </c>
      <c r="T134" s="3"/>
      <c r="U134" s="3" t="s">
        <v>37</v>
      </c>
      <c r="V134" s="3" t="s">
        <v>37</v>
      </c>
    </row>
    <row r="135" spans="1:22" x14ac:dyDescent="0.25">
      <c r="A135" s="3" t="s">
        <v>22</v>
      </c>
      <c r="B135" s="4" t="s">
        <v>553</v>
      </c>
      <c r="C135" s="3" t="s">
        <v>554</v>
      </c>
      <c r="D135" s="5" t="s">
        <v>428</v>
      </c>
      <c r="E135" s="3" t="s">
        <v>72</v>
      </c>
      <c r="F135" s="3" t="s">
        <v>574</v>
      </c>
      <c r="G135" s="3" t="s">
        <v>575</v>
      </c>
      <c r="H135" s="3" t="s">
        <v>87</v>
      </c>
      <c r="I135" s="3" t="s">
        <v>37</v>
      </c>
      <c r="J135" s="3" t="s">
        <v>422</v>
      </c>
      <c r="K135" s="3" t="s">
        <v>32</v>
      </c>
      <c r="L135" s="3" t="s">
        <v>33</v>
      </c>
      <c r="M135" s="3" t="s">
        <v>68</v>
      </c>
      <c r="N135" s="3" t="s">
        <v>190</v>
      </c>
      <c r="O135" s="3" t="s">
        <v>53</v>
      </c>
      <c r="P135" s="3" t="s">
        <v>54</v>
      </c>
      <c r="Q135" s="3" t="s">
        <v>37</v>
      </c>
      <c r="R135" s="3" t="s">
        <v>39</v>
      </c>
      <c r="S135" s="3" t="s">
        <v>576</v>
      </c>
      <c r="T135" s="3"/>
      <c r="U135" s="3" t="s">
        <v>37</v>
      </c>
      <c r="V135" s="3" t="s">
        <v>37</v>
      </c>
    </row>
    <row r="136" spans="1:22" x14ac:dyDescent="0.25">
      <c r="A136" s="3" t="s">
        <v>22</v>
      </c>
      <c r="B136" s="4" t="s">
        <v>553</v>
      </c>
      <c r="C136" s="3" t="s">
        <v>554</v>
      </c>
      <c r="D136" s="5" t="s">
        <v>84</v>
      </c>
      <c r="E136" s="3" t="s">
        <v>433</v>
      </c>
      <c r="F136" s="3" t="s">
        <v>577</v>
      </c>
      <c r="G136" s="3" t="s">
        <v>563</v>
      </c>
      <c r="H136" s="3" t="s">
        <v>29</v>
      </c>
      <c r="I136" s="3" t="s">
        <v>435</v>
      </c>
      <c r="J136" s="3" t="s">
        <v>578</v>
      </c>
      <c r="K136" s="3" t="s">
        <v>32</v>
      </c>
      <c r="L136" s="3" t="s">
        <v>33</v>
      </c>
      <c r="M136" s="3" t="s">
        <v>34</v>
      </c>
      <c r="N136" s="3" t="s">
        <v>77</v>
      </c>
      <c r="O136" s="3" t="s">
        <v>36</v>
      </c>
      <c r="P136" s="3" t="s">
        <v>37</v>
      </c>
      <c r="Q136" s="3" t="s">
        <v>37</v>
      </c>
      <c r="R136" s="3" t="s">
        <v>39</v>
      </c>
      <c r="S136" s="3" t="s">
        <v>579</v>
      </c>
      <c r="T136" s="3"/>
      <c r="U136" s="3" t="s">
        <v>37</v>
      </c>
      <c r="V136" s="3" t="s">
        <v>37</v>
      </c>
    </row>
    <row r="137" spans="1:22" x14ac:dyDescent="0.25">
      <c r="A137" s="3" t="s">
        <v>22</v>
      </c>
      <c r="B137" s="4" t="s">
        <v>553</v>
      </c>
      <c r="C137" s="3" t="s">
        <v>554</v>
      </c>
      <c r="D137" s="5" t="s">
        <v>90</v>
      </c>
      <c r="E137" s="3" t="s">
        <v>433</v>
      </c>
      <c r="F137" s="3" t="s">
        <v>580</v>
      </c>
      <c r="G137" s="3" t="s">
        <v>147</v>
      </c>
      <c r="H137" s="3" t="s">
        <v>29</v>
      </c>
      <c r="I137" s="3" t="s">
        <v>435</v>
      </c>
      <c r="J137" s="3" t="s">
        <v>581</v>
      </c>
      <c r="K137" s="3" t="s">
        <v>32</v>
      </c>
      <c r="L137" s="3" t="s">
        <v>33</v>
      </c>
      <c r="M137" s="3" t="s">
        <v>34</v>
      </c>
      <c r="N137" s="3" t="s">
        <v>77</v>
      </c>
      <c r="O137" s="3" t="s">
        <v>36</v>
      </c>
      <c r="P137" s="3" t="s">
        <v>37</v>
      </c>
      <c r="Q137" s="3" t="s">
        <v>37</v>
      </c>
      <c r="R137" s="3" t="s">
        <v>39</v>
      </c>
      <c r="S137" s="3" t="s">
        <v>582</v>
      </c>
      <c r="T137" s="3" t="s">
        <v>37</v>
      </c>
      <c r="U137" s="3" t="s">
        <v>37</v>
      </c>
      <c r="V137" s="3" t="s">
        <v>37</v>
      </c>
    </row>
    <row r="138" spans="1:22" x14ac:dyDescent="0.25">
      <c r="A138" s="3" t="s">
        <v>22</v>
      </c>
      <c r="B138" s="4" t="s">
        <v>553</v>
      </c>
      <c r="C138" s="3" t="s">
        <v>554</v>
      </c>
      <c r="D138" s="5" t="s">
        <v>299</v>
      </c>
      <c r="E138" s="3" t="s">
        <v>443</v>
      </c>
      <c r="F138" s="3" t="s">
        <v>583</v>
      </c>
      <c r="G138" s="3" t="s">
        <v>492</v>
      </c>
      <c r="H138" s="3" t="s">
        <v>59</v>
      </c>
      <c r="I138" s="3" t="s">
        <v>37</v>
      </c>
      <c r="J138" s="3" t="s">
        <v>584</v>
      </c>
      <c r="K138" s="3" t="s">
        <v>32</v>
      </c>
      <c r="L138" s="3" t="s">
        <v>33</v>
      </c>
      <c r="M138" s="3" t="s">
        <v>68</v>
      </c>
      <c r="N138" s="3" t="s">
        <v>69</v>
      </c>
      <c r="O138" s="3" t="s">
        <v>446</v>
      </c>
      <c r="P138" s="3" t="s">
        <v>37</v>
      </c>
      <c r="Q138" s="3" t="s">
        <v>37</v>
      </c>
      <c r="R138" s="3" t="s">
        <v>39</v>
      </c>
      <c r="S138" s="3" t="s">
        <v>585</v>
      </c>
      <c r="T138" s="3" t="s">
        <v>37</v>
      </c>
      <c r="U138" s="3" t="s">
        <v>37</v>
      </c>
      <c r="V138" s="3" t="s">
        <v>37</v>
      </c>
    </row>
    <row r="139" spans="1:22" x14ac:dyDescent="0.25">
      <c r="A139" s="3" t="s">
        <v>22</v>
      </c>
      <c r="B139" s="4" t="s">
        <v>553</v>
      </c>
      <c r="C139" s="3" t="s">
        <v>554</v>
      </c>
      <c r="D139" s="5" t="s">
        <v>100</v>
      </c>
      <c r="E139" s="3" t="s">
        <v>443</v>
      </c>
      <c r="F139" s="3" t="s">
        <v>586</v>
      </c>
      <c r="G139" s="3" t="s">
        <v>497</v>
      </c>
      <c r="H139" s="3" t="s">
        <v>59</v>
      </c>
      <c r="I139" s="3" t="s">
        <v>37</v>
      </c>
      <c r="J139" s="3" t="s">
        <v>587</v>
      </c>
      <c r="K139" s="3" t="s">
        <v>32</v>
      </c>
      <c r="L139" s="3" t="s">
        <v>33</v>
      </c>
      <c r="M139" s="3" t="s">
        <v>68</v>
      </c>
      <c r="N139" s="3" t="s">
        <v>69</v>
      </c>
      <c r="O139" s="3" t="s">
        <v>446</v>
      </c>
      <c r="P139" s="3" t="s">
        <v>37</v>
      </c>
      <c r="Q139" s="3" t="s">
        <v>37</v>
      </c>
      <c r="R139" s="3" t="s">
        <v>39</v>
      </c>
      <c r="S139" s="3" t="s">
        <v>588</v>
      </c>
      <c r="T139" s="3" t="s">
        <v>37</v>
      </c>
      <c r="U139" s="3" t="s">
        <v>37</v>
      </c>
      <c r="V139" s="3" t="s">
        <v>37</v>
      </c>
    </row>
    <row r="140" spans="1:22" x14ac:dyDescent="0.25">
      <c r="A140" s="3" t="s">
        <v>22</v>
      </c>
      <c r="B140" s="4" t="s">
        <v>553</v>
      </c>
      <c r="C140" s="3" t="s">
        <v>554</v>
      </c>
      <c r="D140" s="5" t="s">
        <v>303</v>
      </c>
      <c r="E140" s="3" t="s">
        <v>443</v>
      </c>
      <c r="F140" s="3" t="s">
        <v>589</v>
      </c>
      <c r="G140" s="3" t="s">
        <v>124</v>
      </c>
      <c r="H140" s="3" t="s">
        <v>59</v>
      </c>
      <c r="I140" s="3" t="s">
        <v>37</v>
      </c>
      <c r="J140" s="3" t="s">
        <v>587</v>
      </c>
      <c r="K140" s="3" t="s">
        <v>32</v>
      </c>
      <c r="L140" s="3" t="s">
        <v>33</v>
      </c>
      <c r="M140" s="3" t="s">
        <v>68</v>
      </c>
      <c r="N140" s="3" t="s">
        <v>69</v>
      </c>
      <c r="O140" s="3" t="s">
        <v>446</v>
      </c>
      <c r="P140" s="3" t="s">
        <v>37</v>
      </c>
      <c r="Q140" s="3" t="s">
        <v>37</v>
      </c>
      <c r="R140" s="3" t="s">
        <v>39</v>
      </c>
      <c r="S140" s="3" t="s">
        <v>590</v>
      </c>
      <c r="T140" s="3" t="s">
        <v>37</v>
      </c>
      <c r="U140" s="3" t="s">
        <v>37</v>
      </c>
      <c r="V140" s="3" t="s">
        <v>37</v>
      </c>
    </row>
    <row r="141" spans="1:22" x14ac:dyDescent="0.25">
      <c r="A141" s="3" t="s">
        <v>22</v>
      </c>
      <c r="B141" s="4" t="s">
        <v>553</v>
      </c>
      <c r="C141" s="3" t="s">
        <v>554</v>
      </c>
      <c r="D141" s="5" t="s">
        <v>454</v>
      </c>
      <c r="E141" s="3" t="s">
        <v>47</v>
      </c>
      <c r="F141" s="3" t="s">
        <v>591</v>
      </c>
      <c r="G141" s="3" t="s">
        <v>592</v>
      </c>
      <c r="H141" s="3" t="s">
        <v>59</v>
      </c>
      <c r="I141" s="3" t="s">
        <v>50</v>
      </c>
      <c r="J141" s="3" t="s">
        <v>593</v>
      </c>
      <c r="K141" s="3" t="s">
        <v>32</v>
      </c>
      <c r="L141" s="3" t="s">
        <v>33</v>
      </c>
      <c r="M141" s="3" t="s">
        <v>34</v>
      </c>
      <c r="N141" s="3" t="s">
        <v>61</v>
      </c>
      <c r="O141" s="3" t="s">
        <v>53</v>
      </c>
      <c r="P141" s="3" t="s">
        <v>54</v>
      </c>
      <c r="Q141" s="3" t="s">
        <v>37</v>
      </c>
      <c r="R141" s="3" t="s">
        <v>39</v>
      </c>
      <c r="S141" s="3" t="s">
        <v>594</v>
      </c>
      <c r="T141" s="3" t="s">
        <v>37</v>
      </c>
      <c r="U141" s="3" t="s">
        <v>37</v>
      </c>
      <c r="V141" s="3" t="s">
        <v>37</v>
      </c>
    </row>
    <row r="142" spans="1:22" x14ac:dyDescent="0.25">
      <c r="A142" s="3" t="s">
        <v>22</v>
      </c>
      <c r="B142" s="4" t="s">
        <v>553</v>
      </c>
      <c r="C142" s="3" t="s">
        <v>554</v>
      </c>
      <c r="D142" s="5" t="s">
        <v>458</v>
      </c>
      <c r="E142" s="3" t="s">
        <v>47</v>
      </c>
      <c r="F142" s="3" t="s">
        <v>300</v>
      </c>
      <c r="G142" s="3" t="s">
        <v>189</v>
      </c>
      <c r="H142" s="3" t="s">
        <v>59</v>
      </c>
      <c r="I142" s="3" t="s">
        <v>50</v>
      </c>
      <c r="J142" s="3" t="s">
        <v>301</v>
      </c>
      <c r="K142" s="3" t="s">
        <v>32</v>
      </c>
      <c r="L142" s="3" t="s">
        <v>37</v>
      </c>
      <c r="M142" s="3" t="s">
        <v>34</v>
      </c>
      <c r="N142" s="3" t="s">
        <v>61</v>
      </c>
      <c r="O142" s="3" t="s">
        <v>53</v>
      </c>
      <c r="P142" s="3" t="s">
        <v>54</v>
      </c>
      <c r="Q142" s="3" t="s">
        <v>37</v>
      </c>
      <c r="R142" s="3" t="s">
        <v>39</v>
      </c>
      <c r="S142" s="3" t="s">
        <v>302</v>
      </c>
      <c r="T142" s="3" t="s">
        <v>37</v>
      </c>
      <c r="U142" s="3" t="s">
        <v>37</v>
      </c>
      <c r="V142" s="3" t="s">
        <v>37</v>
      </c>
    </row>
    <row r="143" spans="1:22" x14ac:dyDescent="0.25">
      <c r="A143" s="3" t="s">
        <v>22</v>
      </c>
      <c r="B143" s="4" t="s">
        <v>553</v>
      </c>
      <c r="C143" s="3" t="s">
        <v>554</v>
      </c>
      <c r="D143" s="5" t="s">
        <v>462</v>
      </c>
      <c r="E143" s="3" t="s">
        <v>463</v>
      </c>
      <c r="F143" s="3" t="s">
        <v>595</v>
      </c>
      <c r="G143" s="3" t="s">
        <v>367</v>
      </c>
      <c r="H143" s="3" t="s">
        <v>59</v>
      </c>
      <c r="I143" s="3" t="s">
        <v>596</v>
      </c>
      <c r="J143" s="3" t="s">
        <v>597</v>
      </c>
      <c r="K143" s="3" t="s">
        <v>32</v>
      </c>
      <c r="L143" s="3" t="s">
        <v>114</v>
      </c>
      <c r="M143" s="3" t="s">
        <v>68</v>
      </c>
      <c r="N143" s="3" t="s">
        <v>61</v>
      </c>
      <c r="O143" s="3" t="s">
        <v>36</v>
      </c>
      <c r="P143" s="3" t="s">
        <v>37</v>
      </c>
      <c r="Q143" s="3" t="s">
        <v>37</v>
      </c>
      <c r="R143" s="3" t="s">
        <v>39</v>
      </c>
      <c r="S143" s="3" t="s">
        <v>598</v>
      </c>
      <c r="T143" s="3" t="s">
        <v>37</v>
      </c>
      <c r="U143" s="3" t="s">
        <v>37</v>
      </c>
      <c r="V143" s="3" t="s">
        <v>37</v>
      </c>
    </row>
    <row r="144" spans="1:22" x14ac:dyDescent="0.25">
      <c r="A144" s="3" t="s">
        <v>22</v>
      </c>
      <c r="B144" s="4" t="s">
        <v>553</v>
      </c>
      <c r="C144" s="3" t="s">
        <v>554</v>
      </c>
      <c r="D144" s="5" t="s">
        <v>468</v>
      </c>
      <c r="E144" s="3" t="s">
        <v>463</v>
      </c>
      <c r="F144" s="3" t="s">
        <v>599</v>
      </c>
      <c r="G144" s="3" t="s">
        <v>242</v>
      </c>
      <c r="H144" s="3" t="s">
        <v>59</v>
      </c>
      <c r="I144" s="3" t="s">
        <v>600</v>
      </c>
      <c r="J144" s="3" t="s">
        <v>601</v>
      </c>
      <c r="K144" s="3" t="s">
        <v>32</v>
      </c>
      <c r="L144" s="3" t="s">
        <v>114</v>
      </c>
      <c r="M144" s="3" t="s">
        <v>68</v>
      </c>
      <c r="N144" s="3" t="s">
        <v>61</v>
      </c>
      <c r="O144" s="3" t="s">
        <v>53</v>
      </c>
      <c r="P144" s="3" t="s">
        <v>37</v>
      </c>
      <c r="Q144" s="3" t="s">
        <v>37</v>
      </c>
      <c r="R144" s="3" t="s">
        <v>39</v>
      </c>
      <c r="S144" s="3" t="s">
        <v>602</v>
      </c>
      <c r="T144" s="3" t="s">
        <v>37</v>
      </c>
      <c r="U144" s="3" t="s">
        <v>37</v>
      </c>
      <c r="V144" s="3" t="s">
        <v>37</v>
      </c>
    </row>
    <row r="145" spans="1:22" x14ac:dyDescent="0.25">
      <c r="A145" s="3" t="s">
        <v>22</v>
      </c>
      <c r="B145" s="4" t="s">
        <v>553</v>
      </c>
      <c r="C145" s="3" t="s">
        <v>554</v>
      </c>
      <c r="D145" s="5" t="s">
        <v>473</v>
      </c>
      <c r="E145" s="3" t="s">
        <v>47</v>
      </c>
      <c r="F145" s="3" t="s">
        <v>603</v>
      </c>
      <c r="G145" s="3" t="s">
        <v>384</v>
      </c>
      <c r="H145" s="3" t="s">
        <v>29</v>
      </c>
      <c r="I145" s="3" t="s">
        <v>50</v>
      </c>
      <c r="J145" s="3" t="s">
        <v>604</v>
      </c>
      <c r="K145" s="3" t="s">
        <v>32</v>
      </c>
      <c r="L145" s="3" t="s">
        <v>33</v>
      </c>
      <c r="M145" s="3" t="s">
        <v>34</v>
      </c>
      <c r="N145" s="3" t="s">
        <v>52</v>
      </c>
      <c r="O145" s="3" t="s">
        <v>53</v>
      </c>
      <c r="P145" s="3" t="s">
        <v>54</v>
      </c>
      <c r="Q145" s="3" t="s">
        <v>38</v>
      </c>
      <c r="R145" s="3" t="s">
        <v>39</v>
      </c>
      <c r="S145" s="3" t="s">
        <v>605</v>
      </c>
      <c r="T145" s="3" t="s">
        <v>37</v>
      </c>
      <c r="U145" s="3" t="s">
        <v>37</v>
      </c>
      <c r="V145" s="3" t="s">
        <v>37</v>
      </c>
    </row>
    <row r="146" spans="1:22" x14ac:dyDescent="0.25">
      <c r="A146" s="3" t="s">
        <v>22</v>
      </c>
      <c r="B146" s="4" t="s">
        <v>553</v>
      </c>
      <c r="C146" s="3" t="s">
        <v>554</v>
      </c>
      <c r="D146" s="5" t="s">
        <v>474</v>
      </c>
      <c r="E146" s="3" t="s">
        <v>47</v>
      </c>
      <c r="F146" s="3" t="s">
        <v>606</v>
      </c>
      <c r="G146" s="3" t="s">
        <v>269</v>
      </c>
      <c r="H146" s="3" t="s">
        <v>29</v>
      </c>
      <c r="I146" s="3" t="s">
        <v>50</v>
      </c>
      <c r="J146" s="3" t="s">
        <v>607</v>
      </c>
      <c r="K146" s="3" t="s">
        <v>32</v>
      </c>
      <c r="L146" s="3" t="s">
        <v>33</v>
      </c>
      <c r="M146" s="3" t="s">
        <v>34</v>
      </c>
      <c r="N146" s="3" t="s">
        <v>52</v>
      </c>
      <c r="O146" s="3" t="s">
        <v>53</v>
      </c>
      <c r="P146" s="3" t="s">
        <v>54</v>
      </c>
      <c r="Q146" s="3" t="s">
        <v>38</v>
      </c>
      <c r="R146" s="3" t="s">
        <v>39</v>
      </c>
      <c r="S146" s="3" t="s">
        <v>608</v>
      </c>
      <c r="T146" s="3" t="s">
        <v>37</v>
      </c>
      <c r="U146" s="3" t="s">
        <v>37</v>
      </c>
      <c r="V146" s="3" t="s">
        <v>37</v>
      </c>
    </row>
    <row r="147" spans="1:22" x14ac:dyDescent="0.25">
      <c r="A147" s="3" t="s">
        <v>22</v>
      </c>
      <c r="B147" s="4" t="s">
        <v>553</v>
      </c>
      <c r="C147" s="3" t="s">
        <v>554</v>
      </c>
      <c r="D147" s="5" t="s">
        <v>137</v>
      </c>
      <c r="E147" s="3" t="s">
        <v>153</v>
      </c>
      <c r="F147" s="3" t="s">
        <v>609</v>
      </c>
      <c r="G147" s="3" t="s">
        <v>592</v>
      </c>
      <c r="H147" s="3" t="s">
        <v>59</v>
      </c>
      <c r="I147" s="3" t="s">
        <v>37</v>
      </c>
      <c r="J147" s="3" t="s">
        <v>610</v>
      </c>
      <c r="K147" s="3" t="s">
        <v>32</v>
      </c>
      <c r="L147" s="3" t="s">
        <v>33</v>
      </c>
      <c r="M147" s="3" t="s">
        <v>34</v>
      </c>
      <c r="N147" s="3" t="s">
        <v>190</v>
      </c>
      <c r="O147" s="3" t="s">
        <v>53</v>
      </c>
      <c r="P147" s="3" t="s">
        <v>37</v>
      </c>
      <c r="Q147" s="3" t="s">
        <v>37</v>
      </c>
      <c r="R147" s="3" t="s">
        <v>39</v>
      </c>
      <c r="S147" s="3" t="s">
        <v>611</v>
      </c>
      <c r="T147" s="3" t="s">
        <v>37</v>
      </c>
      <c r="U147" s="3" t="s">
        <v>37</v>
      </c>
      <c r="V147" s="3" t="s">
        <v>37</v>
      </c>
    </row>
    <row r="148" spans="1:22" x14ac:dyDescent="0.25">
      <c r="A148" s="3" t="s">
        <v>22</v>
      </c>
      <c r="B148" s="4" t="s">
        <v>553</v>
      </c>
      <c r="C148" s="3" t="s">
        <v>554</v>
      </c>
      <c r="D148" s="5" t="s">
        <v>150</v>
      </c>
      <c r="E148" s="3" t="s">
        <v>479</v>
      </c>
      <c r="F148" s="3" t="s">
        <v>612</v>
      </c>
      <c r="G148" s="3" t="s">
        <v>613</v>
      </c>
      <c r="H148" s="3" t="s">
        <v>59</v>
      </c>
      <c r="I148" s="3" t="s">
        <v>488</v>
      </c>
      <c r="J148" s="3" t="s">
        <v>614</v>
      </c>
      <c r="K148" s="3" t="s">
        <v>32</v>
      </c>
      <c r="L148" s="3" t="s">
        <v>33</v>
      </c>
      <c r="M148" s="3" t="s">
        <v>68</v>
      </c>
      <c r="N148" s="3" t="s">
        <v>484</v>
      </c>
      <c r="O148" s="3" t="s">
        <v>53</v>
      </c>
      <c r="P148" s="3" t="s">
        <v>37</v>
      </c>
      <c r="Q148" s="3" t="s">
        <v>37</v>
      </c>
      <c r="R148" s="3" t="s">
        <v>39</v>
      </c>
      <c r="S148" s="3" t="s">
        <v>615</v>
      </c>
      <c r="T148" s="3" t="s">
        <v>37</v>
      </c>
      <c r="U148" s="3" t="s">
        <v>37</v>
      </c>
      <c r="V148" s="3" t="s">
        <v>37</v>
      </c>
    </row>
    <row r="149" spans="1:22" x14ac:dyDescent="0.25">
      <c r="A149" s="3" t="s">
        <v>22</v>
      </c>
      <c r="B149" s="4" t="s">
        <v>553</v>
      </c>
      <c r="C149" s="3" t="s">
        <v>554</v>
      </c>
      <c r="D149" s="5" t="s">
        <v>160</v>
      </c>
      <c r="E149" s="3" t="s">
        <v>479</v>
      </c>
      <c r="F149" s="3" t="s">
        <v>616</v>
      </c>
      <c r="G149" s="3" t="s">
        <v>513</v>
      </c>
      <c r="H149" s="3" t="s">
        <v>87</v>
      </c>
      <c r="I149" s="3" t="s">
        <v>617</v>
      </c>
      <c r="J149" s="3" t="s">
        <v>618</v>
      </c>
      <c r="K149" s="3" t="s">
        <v>32</v>
      </c>
      <c r="L149" s="3" t="s">
        <v>33</v>
      </c>
      <c r="M149" s="3" t="s">
        <v>68</v>
      </c>
      <c r="N149" s="3" t="s">
        <v>484</v>
      </c>
      <c r="O149" s="3" t="s">
        <v>53</v>
      </c>
      <c r="P149" s="3" t="s">
        <v>37</v>
      </c>
      <c r="Q149" s="3" t="s">
        <v>37</v>
      </c>
      <c r="R149" s="3" t="s">
        <v>39</v>
      </c>
      <c r="S149" s="3" t="s">
        <v>619</v>
      </c>
      <c r="T149" s="3" t="s">
        <v>37</v>
      </c>
      <c r="U149" s="3" t="s">
        <v>37</v>
      </c>
      <c r="V149" s="3" t="s">
        <v>37</v>
      </c>
    </row>
    <row r="150" spans="1:22" x14ac:dyDescent="0.25">
      <c r="A150" s="3" t="s">
        <v>22</v>
      </c>
      <c r="B150" s="4" t="s">
        <v>553</v>
      </c>
      <c r="C150" s="3" t="s">
        <v>554</v>
      </c>
      <c r="D150" s="5" t="s">
        <v>169</v>
      </c>
      <c r="E150" s="3" t="s">
        <v>47</v>
      </c>
      <c r="F150" s="3" t="s">
        <v>620</v>
      </c>
      <c r="G150" s="3" t="s">
        <v>497</v>
      </c>
      <c r="H150" s="3" t="s">
        <v>59</v>
      </c>
      <c r="I150" s="3" t="s">
        <v>50</v>
      </c>
      <c r="J150" s="3" t="s">
        <v>621</v>
      </c>
      <c r="K150" s="3" t="s">
        <v>32</v>
      </c>
      <c r="L150" s="3" t="s">
        <v>33</v>
      </c>
      <c r="M150" s="3" t="s">
        <v>34</v>
      </c>
      <c r="N150" s="3" t="s">
        <v>61</v>
      </c>
      <c r="O150" s="3" t="s">
        <v>53</v>
      </c>
      <c r="P150" s="3" t="s">
        <v>37</v>
      </c>
      <c r="Q150" s="3" t="s">
        <v>37</v>
      </c>
      <c r="R150" s="3" t="s">
        <v>39</v>
      </c>
      <c r="S150" s="3" t="s">
        <v>622</v>
      </c>
      <c r="T150" s="3" t="s">
        <v>37</v>
      </c>
      <c r="U150" s="3" t="s">
        <v>37</v>
      </c>
      <c r="V150" s="3" t="s">
        <v>37</v>
      </c>
    </row>
    <row r="151" spans="1:22" x14ac:dyDescent="0.25">
      <c r="A151" s="3" t="s">
        <v>22</v>
      </c>
      <c r="B151" s="4" t="s">
        <v>553</v>
      </c>
      <c r="C151" s="3" t="s">
        <v>554</v>
      </c>
      <c r="D151" s="5" t="s">
        <v>174</v>
      </c>
      <c r="E151" s="3" t="s">
        <v>47</v>
      </c>
      <c r="F151" s="3" t="s">
        <v>623</v>
      </c>
      <c r="G151" s="3" t="s">
        <v>124</v>
      </c>
      <c r="H151" s="3" t="s">
        <v>59</v>
      </c>
      <c r="I151" s="3" t="s">
        <v>50</v>
      </c>
      <c r="J151" s="3" t="s">
        <v>624</v>
      </c>
      <c r="K151" s="3" t="s">
        <v>32</v>
      </c>
      <c r="L151" s="3" t="s">
        <v>33</v>
      </c>
      <c r="M151" s="3" t="s">
        <v>34</v>
      </c>
      <c r="N151" s="3" t="s">
        <v>61</v>
      </c>
      <c r="O151" s="3" t="s">
        <v>53</v>
      </c>
      <c r="P151" s="3" t="s">
        <v>54</v>
      </c>
      <c r="Q151" s="3" t="s">
        <v>37</v>
      </c>
      <c r="R151" s="3" t="s">
        <v>39</v>
      </c>
      <c r="S151" s="3" t="s">
        <v>625</v>
      </c>
      <c r="T151" s="3" t="s">
        <v>37</v>
      </c>
      <c r="U151" s="3" t="s">
        <v>37</v>
      </c>
      <c r="V151" s="3" t="s">
        <v>37</v>
      </c>
    </row>
    <row r="152" spans="1:22" x14ac:dyDescent="0.25">
      <c r="A152" s="3" t="s">
        <v>22</v>
      </c>
      <c r="B152" s="4" t="s">
        <v>553</v>
      </c>
      <c r="C152" s="3" t="s">
        <v>554</v>
      </c>
      <c r="D152" s="5" t="s">
        <v>179</v>
      </c>
      <c r="E152" s="3" t="s">
        <v>495</v>
      </c>
      <c r="F152" s="3" t="s">
        <v>626</v>
      </c>
      <c r="G152" s="3" t="s">
        <v>124</v>
      </c>
      <c r="H152" s="3" t="s">
        <v>59</v>
      </c>
      <c r="I152" s="3" t="s">
        <v>37</v>
      </c>
      <c r="J152" s="3" t="s">
        <v>627</v>
      </c>
      <c r="K152" s="3" t="s">
        <v>32</v>
      </c>
      <c r="L152" s="3" t="s">
        <v>33</v>
      </c>
      <c r="M152" s="3" t="s">
        <v>68</v>
      </c>
      <c r="N152" s="3" t="s">
        <v>190</v>
      </c>
      <c r="O152" s="3" t="s">
        <v>53</v>
      </c>
      <c r="P152" s="3" t="s">
        <v>37</v>
      </c>
      <c r="Q152" s="3" t="s">
        <v>37</v>
      </c>
      <c r="R152" s="3" t="s">
        <v>39</v>
      </c>
      <c r="S152" s="3" t="s">
        <v>628</v>
      </c>
      <c r="T152" s="3" t="s">
        <v>127</v>
      </c>
      <c r="U152" s="3" t="s">
        <v>37</v>
      </c>
      <c r="V152" s="3" t="s">
        <v>37</v>
      </c>
    </row>
    <row r="153" spans="1:22" x14ac:dyDescent="0.25">
      <c r="A153" s="3" t="s">
        <v>22</v>
      </c>
      <c r="B153" s="4" t="s">
        <v>553</v>
      </c>
      <c r="C153" s="3" t="s">
        <v>554</v>
      </c>
      <c r="D153" s="5" t="s">
        <v>354</v>
      </c>
      <c r="E153" s="3" t="s">
        <v>495</v>
      </c>
      <c r="F153" s="3" t="s">
        <v>629</v>
      </c>
      <c r="G153" s="3" t="s">
        <v>242</v>
      </c>
      <c r="H153" s="3" t="s">
        <v>59</v>
      </c>
      <c r="I153" s="3" t="s">
        <v>37</v>
      </c>
      <c r="J153" s="3" t="s">
        <v>630</v>
      </c>
      <c r="K153" s="3" t="s">
        <v>32</v>
      </c>
      <c r="L153" s="3" t="s">
        <v>33</v>
      </c>
      <c r="M153" s="3" t="s">
        <v>68</v>
      </c>
      <c r="N153" s="3" t="s">
        <v>190</v>
      </c>
      <c r="O153" s="3" t="s">
        <v>53</v>
      </c>
      <c r="P153" s="3" t="s">
        <v>37</v>
      </c>
      <c r="Q153" s="3" t="s">
        <v>37</v>
      </c>
      <c r="R153" s="3" t="s">
        <v>39</v>
      </c>
      <c r="S153" s="3" t="s">
        <v>631</v>
      </c>
      <c r="T153" s="3" t="s">
        <v>37</v>
      </c>
      <c r="U153" s="3" t="s">
        <v>37</v>
      </c>
      <c r="V153" s="3" t="s">
        <v>37</v>
      </c>
    </row>
    <row r="154" spans="1:22" x14ac:dyDescent="0.25">
      <c r="A154" s="3" t="s">
        <v>22</v>
      </c>
      <c r="B154" s="4" t="s">
        <v>553</v>
      </c>
      <c r="C154" s="3" t="s">
        <v>554</v>
      </c>
      <c r="D154" s="5" t="s">
        <v>186</v>
      </c>
      <c r="E154" s="3" t="s">
        <v>47</v>
      </c>
      <c r="F154" s="3" t="s">
        <v>632</v>
      </c>
      <c r="G154" s="3" t="s">
        <v>227</v>
      </c>
      <c r="H154" s="3" t="s">
        <v>29</v>
      </c>
      <c r="I154" s="3" t="s">
        <v>50</v>
      </c>
      <c r="J154" s="3" t="s">
        <v>633</v>
      </c>
      <c r="K154" s="3" t="s">
        <v>32</v>
      </c>
      <c r="L154" s="3" t="s">
        <v>33</v>
      </c>
      <c r="M154" s="3" t="s">
        <v>34</v>
      </c>
      <c r="N154" s="3" t="s">
        <v>52</v>
      </c>
      <c r="O154" s="3" t="s">
        <v>53</v>
      </c>
      <c r="P154" s="3" t="s">
        <v>54</v>
      </c>
      <c r="Q154" s="3" t="s">
        <v>38</v>
      </c>
      <c r="R154" s="3" t="s">
        <v>39</v>
      </c>
      <c r="S154" s="3" t="s">
        <v>634</v>
      </c>
      <c r="T154" s="3" t="s">
        <v>37</v>
      </c>
      <c r="U154" s="3" t="s">
        <v>37</v>
      </c>
      <c r="V154" s="3" t="s">
        <v>37</v>
      </c>
    </row>
    <row r="155" spans="1:22" x14ac:dyDescent="0.25">
      <c r="A155" s="3" t="s">
        <v>22</v>
      </c>
      <c r="B155" s="4" t="s">
        <v>553</v>
      </c>
      <c r="C155" s="3" t="s">
        <v>554</v>
      </c>
      <c r="D155" s="5" t="s">
        <v>192</v>
      </c>
      <c r="E155" s="3" t="s">
        <v>47</v>
      </c>
      <c r="F155" s="3" t="s">
        <v>635</v>
      </c>
      <c r="G155" s="3" t="s">
        <v>636</v>
      </c>
      <c r="H155" s="3" t="s">
        <v>29</v>
      </c>
      <c r="I155" s="3" t="s">
        <v>50</v>
      </c>
      <c r="J155" s="3" t="s">
        <v>637</v>
      </c>
      <c r="K155" s="3" t="s">
        <v>32</v>
      </c>
      <c r="L155" s="3" t="s">
        <v>33</v>
      </c>
      <c r="M155" s="3" t="s">
        <v>34</v>
      </c>
      <c r="N155" s="3" t="s">
        <v>52</v>
      </c>
      <c r="O155" s="3" t="s">
        <v>53</v>
      </c>
      <c r="P155" s="3" t="s">
        <v>54</v>
      </c>
      <c r="Q155" s="3" t="s">
        <v>38</v>
      </c>
      <c r="R155" s="3" t="s">
        <v>39</v>
      </c>
      <c r="S155" s="3" t="s">
        <v>638</v>
      </c>
      <c r="T155" s="3" t="s">
        <v>37</v>
      </c>
      <c r="U155" s="3" t="s">
        <v>37</v>
      </c>
      <c r="V155" s="3" t="s">
        <v>37</v>
      </c>
    </row>
    <row r="156" spans="1:22" x14ac:dyDescent="0.25">
      <c r="A156" s="3" t="s">
        <v>22</v>
      </c>
      <c r="B156" s="4" t="s">
        <v>553</v>
      </c>
      <c r="C156" s="3" t="s">
        <v>554</v>
      </c>
      <c r="D156" s="5" t="s">
        <v>196</v>
      </c>
      <c r="E156" s="3" t="s">
        <v>47</v>
      </c>
      <c r="F156" s="3" t="s">
        <v>129</v>
      </c>
      <c r="G156" s="3" t="s">
        <v>28</v>
      </c>
      <c r="H156" s="3" t="s">
        <v>29</v>
      </c>
      <c r="I156" s="3" t="s">
        <v>50</v>
      </c>
      <c r="J156" s="3" t="s">
        <v>130</v>
      </c>
      <c r="K156" s="3" t="s">
        <v>32</v>
      </c>
      <c r="L156" s="3" t="s">
        <v>33</v>
      </c>
      <c r="M156" s="3" t="s">
        <v>34</v>
      </c>
      <c r="N156" s="3" t="s">
        <v>52</v>
      </c>
      <c r="O156" s="3" t="s">
        <v>53</v>
      </c>
      <c r="P156" s="3" t="s">
        <v>54</v>
      </c>
      <c r="Q156" s="3" t="s">
        <v>38</v>
      </c>
      <c r="R156" s="3" t="s">
        <v>39</v>
      </c>
      <c r="S156" s="3" t="s">
        <v>131</v>
      </c>
      <c r="T156" s="3" t="s">
        <v>37</v>
      </c>
      <c r="U156" s="3" t="s">
        <v>37</v>
      </c>
      <c r="V156" s="3" t="s">
        <v>37</v>
      </c>
    </row>
    <row r="157" spans="1:22" x14ac:dyDescent="0.25">
      <c r="A157" s="3" t="s">
        <v>22</v>
      </c>
      <c r="B157" s="4" t="s">
        <v>553</v>
      </c>
      <c r="C157" s="3" t="s">
        <v>554</v>
      </c>
      <c r="D157" s="5" t="s">
        <v>199</v>
      </c>
      <c r="E157" s="3" t="s">
        <v>72</v>
      </c>
      <c r="F157" s="3" t="s">
        <v>424</v>
      </c>
      <c r="G157" s="3" t="s">
        <v>425</v>
      </c>
      <c r="H157" s="3" t="s">
        <v>87</v>
      </c>
      <c r="I157" s="3" t="s">
        <v>37</v>
      </c>
      <c r="J157" s="3" t="s">
        <v>426</v>
      </c>
      <c r="K157" s="3" t="s">
        <v>32</v>
      </c>
      <c r="L157" s="3" t="s">
        <v>33</v>
      </c>
      <c r="M157" s="3" t="s">
        <v>68</v>
      </c>
      <c r="N157" s="3" t="s">
        <v>190</v>
      </c>
      <c r="O157" s="3" t="s">
        <v>53</v>
      </c>
      <c r="P157" s="3" t="s">
        <v>54</v>
      </c>
      <c r="Q157" s="3" t="s">
        <v>37</v>
      </c>
      <c r="R157" s="3" t="s">
        <v>39</v>
      </c>
      <c r="S157" s="3" t="s">
        <v>427</v>
      </c>
      <c r="T157" s="3" t="s">
        <v>37</v>
      </c>
      <c r="U157" s="3" t="s">
        <v>37</v>
      </c>
      <c r="V157" s="3" t="s">
        <v>37</v>
      </c>
    </row>
    <row r="158" spans="1:22" x14ac:dyDescent="0.25">
      <c r="A158" s="3" t="s">
        <v>22</v>
      </c>
      <c r="B158" s="4" t="s">
        <v>553</v>
      </c>
      <c r="C158" s="3" t="s">
        <v>554</v>
      </c>
      <c r="D158" s="5" t="s">
        <v>204</v>
      </c>
      <c r="E158" s="3" t="s">
        <v>72</v>
      </c>
      <c r="F158" s="3" t="s">
        <v>429</v>
      </c>
      <c r="G158" s="3" t="s">
        <v>430</v>
      </c>
      <c r="H158" s="3" t="s">
        <v>87</v>
      </c>
      <c r="I158" s="3" t="s">
        <v>37</v>
      </c>
      <c r="J158" s="3" t="s">
        <v>431</v>
      </c>
      <c r="K158" s="3" t="s">
        <v>32</v>
      </c>
      <c r="L158" s="3" t="s">
        <v>33</v>
      </c>
      <c r="M158" s="3" t="s">
        <v>68</v>
      </c>
      <c r="N158" s="3" t="s">
        <v>190</v>
      </c>
      <c r="O158" s="3" t="s">
        <v>53</v>
      </c>
      <c r="P158" s="3" t="s">
        <v>54</v>
      </c>
      <c r="Q158" s="3" t="s">
        <v>37</v>
      </c>
      <c r="R158" s="3" t="s">
        <v>39</v>
      </c>
      <c r="S158" s="3" t="s">
        <v>432</v>
      </c>
      <c r="T158" s="3" t="s">
        <v>37</v>
      </c>
      <c r="U158" s="3" t="s">
        <v>37</v>
      </c>
      <c r="V158" s="3" t="s">
        <v>37</v>
      </c>
    </row>
    <row r="159" spans="1:22" x14ac:dyDescent="0.25">
      <c r="A159" s="3" t="s">
        <v>22</v>
      </c>
      <c r="B159" s="4" t="s">
        <v>553</v>
      </c>
      <c r="C159" s="3" t="s">
        <v>554</v>
      </c>
      <c r="D159" s="5" t="s">
        <v>520</v>
      </c>
      <c r="E159" s="3" t="s">
        <v>639</v>
      </c>
      <c r="F159" s="3" t="s">
        <v>37</v>
      </c>
      <c r="G159" s="3" t="s">
        <v>37</v>
      </c>
      <c r="H159" s="3" t="s">
        <v>37</v>
      </c>
      <c r="I159" s="3" t="s">
        <v>37</v>
      </c>
      <c r="J159" s="3" t="s">
        <v>640</v>
      </c>
      <c r="K159" s="3" t="s">
        <v>183</v>
      </c>
      <c r="L159" s="3" t="s">
        <v>114</v>
      </c>
      <c r="M159" s="3" t="s">
        <v>68</v>
      </c>
      <c r="N159" s="3" t="s">
        <v>184</v>
      </c>
      <c r="O159" s="3" t="s">
        <v>910</v>
      </c>
      <c r="P159" s="3" t="s">
        <v>37</v>
      </c>
      <c r="Q159" s="3" t="s">
        <v>37</v>
      </c>
      <c r="R159" s="3" t="s">
        <v>39</v>
      </c>
      <c r="S159" s="3" t="s">
        <v>641</v>
      </c>
      <c r="T159" s="3" t="s">
        <v>37</v>
      </c>
      <c r="U159" s="3" t="s">
        <v>37</v>
      </c>
      <c r="V159" s="3" t="s">
        <v>37</v>
      </c>
    </row>
    <row r="160" spans="1:22" x14ac:dyDescent="0.25">
      <c r="A160" s="3" t="s">
        <v>22</v>
      </c>
      <c r="B160" s="4" t="s">
        <v>553</v>
      </c>
      <c r="C160" s="3" t="s">
        <v>554</v>
      </c>
      <c r="D160" s="5" t="s">
        <v>230</v>
      </c>
      <c r="E160" s="3" t="s">
        <v>187</v>
      </c>
      <c r="F160" s="3" t="s">
        <v>642</v>
      </c>
      <c r="G160" s="3" t="s">
        <v>155</v>
      </c>
      <c r="H160" s="3" t="s">
        <v>29</v>
      </c>
      <c r="I160" s="3" t="s">
        <v>37</v>
      </c>
      <c r="J160" s="3" t="s">
        <v>643</v>
      </c>
      <c r="K160" s="3" t="s">
        <v>32</v>
      </c>
      <c r="L160" s="3" t="s">
        <v>114</v>
      </c>
      <c r="M160" s="3" t="s">
        <v>68</v>
      </c>
      <c r="N160" s="3" t="s">
        <v>69</v>
      </c>
      <c r="O160" s="3" t="s">
        <v>36</v>
      </c>
      <c r="P160" s="3" t="s">
        <v>54</v>
      </c>
      <c r="Q160" s="3" t="s">
        <v>37</v>
      </c>
      <c r="R160" s="3" t="s">
        <v>39</v>
      </c>
      <c r="S160" s="3" t="s">
        <v>644</v>
      </c>
      <c r="T160" s="3" t="s">
        <v>37</v>
      </c>
      <c r="U160" s="3" t="s">
        <v>37</v>
      </c>
      <c r="V160" s="3" t="s">
        <v>37</v>
      </c>
    </row>
    <row r="161" spans="1:22" x14ac:dyDescent="0.25">
      <c r="A161" s="3" t="s">
        <v>22</v>
      </c>
      <c r="B161" s="4" t="s">
        <v>553</v>
      </c>
      <c r="C161" s="3" t="s">
        <v>554</v>
      </c>
      <c r="D161" s="5" t="s">
        <v>235</v>
      </c>
      <c r="E161" s="3" t="s">
        <v>187</v>
      </c>
      <c r="F161" s="3" t="s">
        <v>645</v>
      </c>
      <c r="G161" s="3" t="s">
        <v>162</v>
      </c>
      <c r="H161" s="3" t="s">
        <v>29</v>
      </c>
      <c r="I161" s="3" t="s">
        <v>37</v>
      </c>
      <c r="J161" s="3" t="s">
        <v>646</v>
      </c>
      <c r="K161" s="3" t="s">
        <v>32</v>
      </c>
      <c r="L161" s="3" t="s">
        <v>114</v>
      </c>
      <c r="M161" s="3" t="s">
        <v>68</v>
      </c>
      <c r="N161" s="3" t="s">
        <v>69</v>
      </c>
      <c r="O161" s="3" t="s">
        <v>36</v>
      </c>
      <c r="P161" s="3" t="s">
        <v>54</v>
      </c>
      <c r="Q161" s="3" t="s">
        <v>37</v>
      </c>
      <c r="R161" s="3" t="s">
        <v>39</v>
      </c>
      <c r="S161" s="3" t="s">
        <v>647</v>
      </c>
      <c r="T161" s="3" t="s">
        <v>37</v>
      </c>
      <c r="U161" s="3" t="s">
        <v>37</v>
      </c>
      <c r="V161" s="3" t="s">
        <v>37</v>
      </c>
    </row>
    <row r="162" spans="1:22" x14ac:dyDescent="0.25">
      <c r="A162" s="3" t="s">
        <v>22</v>
      </c>
      <c r="B162" s="4" t="s">
        <v>553</v>
      </c>
      <c r="C162" s="3" t="s">
        <v>554</v>
      </c>
      <c r="D162" s="5" t="s">
        <v>239</v>
      </c>
      <c r="E162" s="3" t="s">
        <v>544</v>
      </c>
      <c r="F162" s="3" t="s">
        <v>648</v>
      </c>
      <c r="G162" s="3" t="s">
        <v>649</v>
      </c>
      <c r="H162" s="3" t="s">
        <v>29</v>
      </c>
      <c r="I162" s="3" t="s">
        <v>650</v>
      </c>
      <c r="J162" s="3" t="s">
        <v>651</v>
      </c>
      <c r="K162" s="3" t="s">
        <v>32</v>
      </c>
      <c r="L162" s="3" t="s">
        <v>114</v>
      </c>
      <c r="M162" s="3" t="s">
        <v>549</v>
      </c>
      <c r="N162" s="3" t="s">
        <v>550</v>
      </c>
      <c r="O162" s="3" t="s">
        <v>652</v>
      </c>
      <c r="P162" s="3" t="s">
        <v>54</v>
      </c>
      <c r="Q162" s="3" t="s">
        <v>38</v>
      </c>
      <c r="R162" s="3" t="s">
        <v>39</v>
      </c>
      <c r="S162" s="3" t="s">
        <v>653</v>
      </c>
      <c r="T162" s="3" t="s">
        <v>37</v>
      </c>
      <c r="U162" s="3" t="s">
        <v>37</v>
      </c>
      <c r="V162" s="3" t="s">
        <v>37</v>
      </c>
    </row>
    <row r="163" spans="1:22" x14ac:dyDescent="0.25">
      <c r="A163" s="3"/>
      <c r="B163" s="4"/>
      <c r="C163" s="3"/>
      <c r="D163" s="5"/>
      <c r="E163" s="6" t="s">
        <v>250</v>
      </c>
      <c r="F163" s="3"/>
      <c r="G163" s="3"/>
      <c r="H163" s="3"/>
      <c r="I163" s="3"/>
      <c r="J163" s="3"/>
      <c r="K163" s="3"/>
      <c r="L163" s="3"/>
      <c r="M163" s="3"/>
      <c r="N163" s="3"/>
      <c r="O163" s="3"/>
      <c r="P163" s="3"/>
      <c r="Q163" s="3"/>
      <c r="R163" s="3"/>
      <c r="S163" s="3"/>
      <c r="T163" s="3"/>
      <c r="U163" s="3"/>
      <c r="V163" s="3"/>
    </row>
    <row r="164" spans="1:22" x14ac:dyDescent="0.25">
      <c r="A164" s="3"/>
      <c r="B164" s="4"/>
      <c r="C164" s="3"/>
      <c r="D164" s="5"/>
      <c r="E164" s="6"/>
      <c r="F164" s="3"/>
      <c r="G164" s="3"/>
      <c r="H164" s="3"/>
      <c r="I164" s="3"/>
      <c r="J164" s="3"/>
      <c r="K164" s="3"/>
      <c r="L164" s="3"/>
      <c r="M164" s="3"/>
      <c r="N164" s="3"/>
      <c r="O164" s="3"/>
      <c r="P164" s="3"/>
      <c r="Q164" s="3"/>
      <c r="R164" s="3"/>
      <c r="S164" s="3"/>
      <c r="T164" s="3"/>
      <c r="U164" s="3"/>
      <c r="V164" s="3"/>
    </row>
    <row r="165" spans="1:22" x14ac:dyDescent="0.25">
      <c r="A165" s="3"/>
      <c r="B165" s="4"/>
      <c r="C165" s="3"/>
      <c r="D165" s="5"/>
      <c r="E165" s="3"/>
      <c r="F165" s="3"/>
      <c r="G165" s="3"/>
      <c r="H165" s="3"/>
      <c r="I165" s="3"/>
      <c r="J165" s="3"/>
      <c r="K165" s="3"/>
      <c r="L165" s="3"/>
      <c r="M165" s="3"/>
      <c r="N165" s="3"/>
      <c r="O165" s="3"/>
      <c r="P165" s="3"/>
      <c r="Q165" s="3"/>
      <c r="R165" s="3"/>
      <c r="S165" s="3"/>
      <c r="T165" s="3"/>
      <c r="U165" s="3"/>
      <c r="V165" s="3"/>
    </row>
    <row r="166" spans="1:22" x14ac:dyDescent="0.25">
      <c r="A166" s="3" t="s">
        <v>22</v>
      </c>
      <c r="B166" s="4" t="s">
        <v>654</v>
      </c>
      <c r="C166" s="3" t="s">
        <v>655</v>
      </c>
      <c r="D166" s="5" t="s">
        <v>25</v>
      </c>
      <c r="E166" s="3" t="s">
        <v>47</v>
      </c>
      <c r="F166" s="3" t="s">
        <v>374</v>
      </c>
      <c r="G166" s="3" t="s">
        <v>375</v>
      </c>
      <c r="H166" s="3" t="s">
        <v>59</v>
      </c>
      <c r="I166" s="3" t="s">
        <v>50</v>
      </c>
      <c r="J166" s="3" t="s">
        <v>376</v>
      </c>
      <c r="K166" s="3" t="s">
        <v>32</v>
      </c>
      <c r="L166" s="3" t="s">
        <v>33</v>
      </c>
      <c r="M166" s="3" t="s">
        <v>34</v>
      </c>
      <c r="N166" s="3" t="s">
        <v>61</v>
      </c>
      <c r="O166" s="3" t="s">
        <v>53</v>
      </c>
      <c r="P166" s="3" t="s">
        <v>54</v>
      </c>
      <c r="Q166" s="3" t="s">
        <v>37</v>
      </c>
      <c r="R166" s="3" t="s">
        <v>39</v>
      </c>
      <c r="S166" s="3" t="s">
        <v>377</v>
      </c>
      <c r="T166" s="3" t="s">
        <v>37</v>
      </c>
      <c r="U166" s="3" t="s">
        <v>37</v>
      </c>
      <c r="V166" s="3" t="s">
        <v>37</v>
      </c>
    </row>
    <row r="167" spans="1:22" x14ac:dyDescent="0.25">
      <c r="A167" s="3" t="s">
        <v>22</v>
      </c>
      <c r="B167" s="4" t="s">
        <v>654</v>
      </c>
      <c r="C167" s="3" t="s">
        <v>655</v>
      </c>
      <c r="D167" s="5" t="s">
        <v>41</v>
      </c>
      <c r="E167" s="3" t="s">
        <v>47</v>
      </c>
      <c r="F167" s="3" t="s">
        <v>210</v>
      </c>
      <c r="G167" s="3" t="s">
        <v>211</v>
      </c>
      <c r="H167" s="3" t="s">
        <v>59</v>
      </c>
      <c r="I167" s="3" t="s">
        <v>50</v>
      </c>
      <c r="J167" s="3" t="s">
        <v>212</v>
      </c>
      <c r="K167" s="3" t="s">
        <v>32</v>
      </c>
      <c r="L167" s="3" t="s">
        <v>33</v>
      </c>
      <c r="M167" s="3" t="s">
        <v>34</v>
      </c>
      <c r="N167" s="3" t="s">
        <v>61</v>
      </c>
      <c r="O167" s="3" t="s">
        <v>53</v>
      </c>
      <c r="P167" s="3" t="s">
        <v>54</v>
      </c>
      <c r="Q167" s="3" t="s">
        <v>37</v>
      </c>
      <c r="R167" s="3" t="s">
        <v>39</v>
      </c>
      <c r="S167" s="3" t="s">
        <v>213</v>
      </c>
      <c r="T167" s="3" t="s">
        <v>37</v>
      </c>
      <c r="U167" s="3" t="s">
        <v>37</v>
      </c>
      <c r="V167" s="3" t="s">
        <v>37</v>
      </c>
    </row>
    <row r="168" spans="1:22" x14ac:dyDescent="0.25">
      <c r="A168" s="3" t="s">
        <v>22</v>
      </c>
      <c r="B168" s="4" t="s">
        <v>654</v>
      </c>
      <c r="C168" s="3" t="s">
        <v>655</v>
      </c>
      <c r="D168" s="5" t="s">
        <v>656</v>
      </c>
      <c r="E168" s="3" t="s">
        <v>47</v>
      </c>
      <c r="F168" s="3" t="s">
        <v>657</v>
      </c>
      <c r="G168" s="3" t="s">
        <v>176</v>
      </c>
      <c r="H168" s="3" t="s">
        <v>59</v>
      </c>
      <c r="I168" s="3" t="s">
        <v>50</v>
      </c>
      <c r="J168" s="3" t="s">
        <v>658</v>
      </c>
      <c r="K168" s="3" t="s">
        <v>32</v>
      </c>
      <c r="L168" s="3" t="s">
        <v>33</v>
      </c>
      <c r="M168" s="3" t="s">
        <v>34</v>
      </c>
      <c r="N168" s="3" t="s">
        <v>61</v>
      </c>
      <c r="O168" s="3" t="s">
        <v>53</v>
      </c>
      <c r="P168" s="3" t="s">
        <v>37</v>
      </c>
      <c r="Q168" s="3" t="s">
        <v>37</v>
      </c>
      <c r="R168" s="3" t="s">
        <v>39</v>
      </c>
      <c r="S168" s="3" t="s">
        <v>659</v>
      </c>
      <c r="T168" s="3" t="s">
        <v>37</v>
      </c>
      <c r="U168" s="3" t="s">
        <v>37</v>
      </c>
      <c r="V168" s="3" t="s">
        <v>37</v>
      </c>
    </row>
    <row r="169" spans="1:22" x14ac:dyDescent="0.25">
      <c r="A169" s="3" t="s">
        <v>22</v>
      </c>
      <c r="B169" s="4" t="s">
        <v>654</v>
      </c>
      <c r="C169" s="3" t="s">
        <v>655</v>
      </c>
      <c r="D169" s="5" t="s">
        <v>56</v>
      </c>
      <c r="E169" s="3" t="s">
        <v>117</v>
      </c>
      <c r="F169" s="3" t="s">
        <v>660</v>
      </c>
      <c r="G169" s="3" t="s">
        <v>87</v>
      </c>
      <c r="H169" s="3" t="s">
        <v>29</v>
      </c>
      <c r="I169" s="3" t="s">
        <v>119</v>
      </c>
      <c r="J169" s="3" t="s">
        <v>661</v>
      </c>
      <c r="K169" s="3" t="s">
        <v>32</v>
      </c>
      <c r="L169" s="3" t="s">
        <v>33</v>
      </c>
      <c r="M169" s="3" t="s">
        <v>68</v>
      </c>
      <c r="N169" s="3" t="s">
        <v>69</v>
      </c>
      <c r="O169" s="3" t="s">
        <v>53</v>
      </c>
      <c r="P169" s="3" t="s">
        <v>37</v>
      </c>
      <c r="Q169" s="3" t="s">
        <v>37</v>
      </c>
      <c r="R169" s="3" t="s">
        <v>39</v>
      </c>
      <c r="S169" s="3" t="s">
        <v>662</v>
      </c>
      <c r="T169" s="3" t="s">
        <v>37</v>
      </c>
      <c r="U169" s="3" t="s">
        <v>37</v>
      </c>
      <c r="V169" s="3" t="s">
        <v>37</v>
      </c>
    </row>
    <row r="170" spans="1:22" x14ac:dyDescent="0.25">
      <c r="A170" s="3" t="s">
        <v>22</v>
      </c>
      <c r="B170" s="4" t="s">
        <v>654</v>
      </c>
      <c r="C170" s="3" t="s">
        <v>655</v>
      </c>
      <c r="D170" s="5" t="s">
        <v>663</v>
      </c>
      <c r="E170" s="3" t="s">
        <v>117</v>
      </c>
      <c r="F170" s="3" t="s">
        <v>664</v>
      </c>
      <c r="G170" s="3" t="s">
        <v>295</v>
      </c>
      <c r="H170" s="3" t="s">
        <v>29</v>
      </c>
      <c r="I170" s="3" t="s">
        <v>119</v>
      </c>
      <c r="J170" s="3" t="s">
        <v>665</v>
      </c>
      <c r="K170" s="3" t="s">
        <v>32</v>
      </c>
      <c r="L170" s="3" t="s">
        <v>33</v>
      </c>
      <c r="M170" s="3" t="s">
        <v>68</v>
      </c>
      <c r="N170" s="3" t="s">
        <v>69</v>
      </c>
      <c r="O170" s="3" t="s">
        <v>53</v>
      </c>
      <c r="P170" s="3" t="s">
        <v>37</v>
      </c>
      <c r="Q170" s="3" t="s">
        <v>37</v>
      </c>
      <c r="R170" s="3" t="s">
        <v>39</v>
      </c>
      <c r="S170" s="3" t="s">
        <v>666</v>
      </c>
      <c r="T170" s="3" t="s">
        <v>37</v>
      </c>
      <c r="U170" s="3" t="s">
        <v>37</v>
      </c>
      <c r="V170" s="3" t="s">
        <v>37</v>
      </c>
    </row>
    <row r="171" spans="1:22" x14ac:dyDescent="0.25">
      <c r="A171" s="3" t="s">
        <v>22</v>
      </c>
      <c r="B171" s="4" t="s">
        <v>654</v>
      </c>
      <c r="C171" s="3" t="s">
        <v>655</v>
      </c>
      <c r="D171" s="5" t="s">
        <v>71</v>
      </c>
      <c r="E171" s="3" t="s">
        <v>479</v>
      </c>
      <c r="F171" s="3" t="s">
        <v>667</v>
      </c>
      <c r="G171" s="3" t="s">
        <v>668</v>
      </c>
      <c r="H171" s="3" t="s">
        <v>295</v>
      </c>
      <c r="I171" s="3" t="s">
        <v>669</v>
      </c>
      <c r="J171" s="3" t="s">
        <v>670</v>
      </c>
      <c r="K171" s="3" t="s">
        <v>32</v>
      </c>
      <c r="L171" s="3" t="s">
        <v>33</v>
      </c>
      <c r="M171" s="3" t="s">
        <v>68</v>
      </c>
      <c r="N171" s="3" t="s">
        <v>484</v>
      </c>
      <c r="O171" s="3" t="s">
        <v>53</v>
      </c>
      <c r="P171" s="3" t="s">
        <v>37</v>
      </c>
      <c r="Q171" s="3" t="s">
        <v>37</v>
      </c>
      <c r="R171" s="3" t="s">
        <v>39</v>
      </c>
      <c r="S171" s="3" t="s">
        <v>671</v>
      </c>
      <c r="T171" s="3" t="s">
        <v>37</v>
      </c>
      <c r="U171" s="3" t="s">
        <v>37</v>
      </c>
      <c r="V171" s="3" t="s">
        <v>37</v>
      </c>
    </row>
    <row r="172" spans="1:22" x14ac:dyDescent="0.25">
      <c r="A172" s="3" t="s">
        <v>22</v>
      </c>
      <c r="B172" s="4" t="s">
        <v>654</v>
      </c>
      <c r="C172" s="3" t="s">
        <v>655</v>
      </c>
      <c r="D172" s="5" t="s">
        <v>79</v>
      </c>
      <c r="E172" s="3" t="s">
        <v>479</v>
      </c>
      <c r="F172" s="3" t="s">
        <v>672</v>
      </c>
      <c r="G172" s="3" t="s">
        <v>673</v>
      </c>
      <c r="H172" s="3" t="s">
        <v>295</v>
      </c>
      <c r="I172" s="3" t="s">
        <v>674</v>
      </c>
      <c r="J172" s="3" t="s">
        <v>675</v>
      </c>
      <c r="K172" s="3" t="s">
        <v>32</v>
      </c>
      <c r="L172" s="3" t="s">
        <v>33</v>
      </c>
      <c r="M172" s="3" t="s">
        <v>68</v>
      </c>
      <c r="N172" s="3" t="s">
        <v>484</v>
      </c>
      <c r="O172" s="3" t="s">
        <v>53</v>
      </c>
      <c r="P172" s="3" t="s">
        <v>37</v>
      </c>
      <c r="Q172" s="3" t="s">
        <v>37</v>
      </c>
      <c r="R172" s="3" t="s">
        <v>39</v>
      </c>
      <c r="S172" s="3" t="s">
        <v>676</v>
      </c>
      <c r="T172" s="3" t="s">
        <v>37</v>
      </c>
      <c r="U172" s="3" t="s">
        <v>37</v>
      </c>
      <c r="V172" s="3" t="s">
        <v>37</v>
      </c>
    </row>
    <row r="173" spans="1:22" x14ac:dyDescent="0.25">
      <c r="A173" s="3" t="s">
        <v>22</v>
      </c>
      <c r="B173" s="4" t="s">
        <v>654</v>
      </c>
      <c r="C173" s="3" t="s">
        <v>655</v>
      </c>
      <c r="D173" s="5" t="s">
        <v>289</v>
      </c>
      <c r="E173" s="3" t="s">
        <v>479</v>
      </c>
      <c r="F173" s="3" t="s">
        <v>677</v>
      </c>
      <c r="G173" s="3" t="s">
        <v>678</v>
      </c>
      <c r="H173" s="3" t="s">
        <v>295</v>
      </c>
      <c r="I173" s="3" t="s">
        <v>679</v>
      </c>
      <c r="J173" s="3" t="s">
        <v>680</v>
      </c>
      <c r="K173" s="3" t="s">
        <v>32</v>
      </c>
      <c r="L173" s="3" t="s">
        <v>33</v>
      </c>
      <c r="M173" s="3" t="s">
        <v>68</v>
      </c>
      <c r="N173" s="3" t="s">
        <v>484</v>
      </c>
      <c r="O173" s="3" t="s">
        <v>53</v>
      </c>
      <c r="P173" s="3" t="s">
        <v>37</v>
      </c>
      <c r="Q173" s="3" t="s">
        <v>37</v>
      </c>
      <c r="R173" s="3" t="s">
        <v>39</v>
      </c>
      <c r="S173" s="3" t="s">
        <v>681</v>
      </c>
      <c r="T173" s="3" t="s">
        <v>37</v>
      </c>
      <c r="U173" s="3" t="s">
        <v>37</v>
      </c>
      <c r="V173" s="3" t="s">
        <v>37</v>
      </c>
    </row>
    <row r="174" spans="1:22" x14ac:dyDescent="0.25">
      <c r="A174" s="3" t="s">
        <v>22</v>
      </c>
      <c r="B174" s="4" t="s">
        <v>654</v>
      </c>
      <c r="C174" s="3" t="s">
        <v>655</v>
      </c>
      <c r="D174" s="5" t="s">
        <v>682</v>
      </c>
      <c r="E174" s="3" t="s">
        <v>47</v>
      </c>
      <c r="F174" s="3" t="s">
        <v>85</v>
      </c>
      <c r="G174" s="3" t="s">
        <v>86</v>
      </c>
      <c r="H174" s="3" t="s">
        <v>87</v>
      </c>
      <c r="I174" s="3" t="s">
        <v>50</v>
      </c>
      <c r="J174" s="3" t="s">
        <v>88</v>
      </c>
      <c r="K174" s="3" t="s">
        <v>32</v>
      </c>
      <c r="L174" s="3" t="s">
        <v>33</v>
      </c>
      <c r="M174" s="3" t="s">
        <v>34</v>
      </c>
      <c r="N174" s="3" t="s">
        <v>69</v>
      </c>
      <c r="O174" s="3" t="s">
        <v>53</v>
      </c>
      <c r="P174" s="3" t="s">
        <v>54</v>
      </c>
      <c r="Q174" s="3" t="s">
        <v>37</v>
      </c>
      <c r="R174" s="3" t="s">
        <v>39</v>
      </c>
      <c r="S174" s="3" t="s">
        <v>89</v>
      </c>
      <c r="T174" s="3" t="s">
        <v>37</v>
      </c>
      <c r="U174" s="3" t="s">
        <v>37</v>
      </c>
      <c r="V174" s="3" t="s">
        <v>37</v>
      </c>
    </row>
    <row r="175" spans="1:22" x14ac:dyDescent="0.25">
      <c r="A175" s="3" t="s">
        <v>22</v>
      </c>
      <c r="B175" s="4" t="s">
        <v>654</v>
      </c>
      <c r="C175" s="3" t="s">
        <v>655</v>
      </c>
      <c r="D175" s="5" t="s">
        <v>442</v>
      </c>
      <c r="E175" s="3" t="s">
        <v>47</v>
      </c>
      <c r="F175" s="3" t="s">
        <v>91</v>
      </c>
      <c r="G175" s="3" t="s">
        <v>92</v>
      </c>
      <c r="H175" s="3" t="s">
        <v>87</v>
      </c>
      <c r="I175" s="3" t="s">
        <v>50</v>
      </c>
      <c r="J175" s="3" t="s">
        <v>93</v>
      </c>
      <c r="K175" s="3" t="s">
        <v>32</v>
      </c>
      <c r="L175" s="3" t="s">
        <v>33</v>
      </c>
      <c r="M175" s="3" t="s">
        <v>34</v>
      </c>
      <c r="N175" s="3" t="s">
        <v>69</v>
      </c>
      <c r="O175" s="3" t="s">
        <v>53</v>
      </c>
      <c r="P175" s="3" t="s">
        <v>54</v>
      </c>
      <c r="Q175" s="3" t="s">
        <v>37</v>
      </c>
      <c r="R175" s="3" t="s">
        <v>39</v>
      </c>
      <c r="S175" s="3" t="s">
        <v>94</v>
      </c>
      <c r="T175" s="3" t="s">
        <v>37</v>
      </c>
      <c r="U175" s="3" t="s">
        <v>37</v>
      </c>
      <c r="V175" s="3" t="s">
        <v>37</v>
      </c>
    </row>
    <row r="176" spans="1:22" x14ac:dyDescent="0.25">
      <c r="A176" s="3" t="s">
        <v>22</v>
      </c>
      <c r="B176" s="4" t="s">
        <v>654</v>
      </c>
      <c r="C176" s="3" t="s">
        <v>655</v>
      </c>
      <c r="D176" s="5" t="s">
        <v>683</v>
      </c>
      <c r="E176" s="3" t="s">
        <v>47</v>
      </c>
      <c r="F176" s="3" t="s">
        <v>101</v>
      </c>
      <c r="G176" s="3" t="s">
        <v>102</v>
      </c>
      <c r="H176" s="3" t="s">
        <v>87</v>
      </c>
      <c r="I176" s="3" t="s">
        <v>50</v>
      </c>
      <c r="J176" s="3" t="s">
        <v>103</v>
      </c>
      <c r="K176" s="3" t="s">
        <v>32</v>
      </c>
      <c r="L176" s="3" t="s">
        <v>33</v>
      </c>
      <c r="M176" s="3" t="s">
        <v>34</v>
      </c>
      <c r="N176" s="3" t="s">
        <v>69</v>
      </c>
      <c r="O176" s="3" t="s">
        <v>53</v>
      </c>
      <c r="P176" s="3" t="s">
        <v>54</v>
      </c>
      <c r="Q176" s="3" t="s">
        <v>37</v>
      </c>
      <c r="R176" s="3" t="s">
        <v>39</v>
      </c>
      <c r="S176" s="3" t="s">
        <v>104</v>
      </c>
      <c r="T176" s="3" t="s">
        <v>37</v>
      </c>
      <c r="U176" s="3" t="s">
        <v>37</v>
      </c>
      <c r="V176" s="3" t="s">
        <v>37</v>
      </c>
    </row>
    <row r="177" spans="1:22" x14ac:dyDescent="0.25">
      <c r="A177" s="3" t="s">
        <v>22</v>
      </c>
      <c r="B177" s="4" t="s">
        <v>654</v>
      </c>
      <c r="C177" s="3" t="s">
        <v>655</v>
      </c>
      <c r="D177" s="5" t="s">
        <v>684</v>
      </c>
      <c r="E177" s="3" t="s">
        <v>47</v>
      </c>
      <c r="F177" s="3" t="s">
        <v>350</v>
      </c>
      <c r="G177" s="3" t="s">
        <v>351</v>
      </c>
      <c r="H177" s="3" t="s">
        <v>87</v>
      </c>
      <c r="I177" s="3" t="s">
        <v>50</v>
      </c>
      <c r="J177" s="3" t="s">
        <v>352</v>
      </c>
      <c r="K177" s="3" t="s">
        <v>32</v>
      </c>
      <c r="L177" s="3" t="s">
        <v>33</v>
      </c>
      <c r="M177" s="3" t="s">
        <v>34</v>
      </c>
      <c r="N177" s="3" t="s">
        <v>69</v>
      </c>
      <c r="O177" s="3" t="s">
        <v>53</v>
      </c>
      <c r="P177" s="3" t="s">
        <v>54</v>
      </c>
      <c r="Q177" s="3" t="s">
        <v>37</v>
      </c>
      <c r="R177" s="3" t="s">
        <v>39</v>
      </c>
      <c r="S177" s="3" t="s">
        <v>353</v>
      </c>
      <c r="T177" s="3" t="s">
        <v>37</v>
      </c>
      <c r="U177" s="3" t="s">
        <v>37</v>
      </c>
      <c r="V177" s="3" t="s">
        <v>37</v>
      </c>
    </row>
    <row r="178" spans="1:22" x14ac:dyDescent="0.25">
      <c r="A178" s="3" t="s">
        <v>22</v>
      </c>
      <c r="B178" s="4" t="s">
        <v>654</v>
      </c>
      <c r="C178" s="3" t="s">
        <v>655</v>
      </c>
      <c r="D178" s="5" t="s">
        <v>685</v>
      </c>
      <c r="E178" s="3" t="s">
        <v>47</v>
      </c>
      <c r="F178" s="3" t="s">
        <v>355</v>
      </c>
      <c r="G178" s="3" t="s">
        <v>356</v>
      </c>
      <c r="H178" s="3" t="s">
        <v>87</v>
      </c>
      <c r="I178" s="3" t="s">
        <v>50</v>
      </c>
      <c r="J178" s="3" t="s">
        <v>357</v>
      </c>
      <c r="K178" s="3" t="s">
        <v>32</v>
      </c>
      <c r="L178" s="3" t="s">
        <v>33</v>
      </c>
      <c r="M178" s="3" t="s">
        <v>34</v>
      </c>
      <c r="N178" s="3" t="s">
        <v>69</v>
      </c>
      <c r="O178" s="3" t="s">
        <v>53</v>
      </c>
      <c r="P178" s="3" t="s">
        <v>54</v>
      </c>
      <c r="Q178" s="3" t="s">
        <v>37</v>
      </c>
      <c r="R178" s="3" t="s">
        <v>39</v>
      </c>
      <c r="S178" s="3" t="s">
        <v>358</v>
      </c>
      <c r="T178" s="3" t="s">
        <v>37</v>
      </c>
      <c r="U178" s="3" t="s">
        <v>37</v>
      </c>
      <c r="V178" s="3" t="s">
        <v>37</v>
      </c>
    </row>
    <row r="179" spans="1:22" x14ac:dyDescent="0.25">
      <c r="A179" s="3" t="s">
        <v>22</v>
      </c>
      <c r="B179" s="4" t="s">
        <v>654</v>
      </c>
      <c r="C179" s="3" t="s">
        <v>655</v>
      </c>
      <c r="D179" s="5" t="s">
        <v>686</v>
      </c>
      <c r="E179" s="3" t="s">
        <v>47</v>
      </c>
      <c r="F179" s="3" t="s">
        <v>57</v>
      </c>
      <c r="G179" s="3" t="s">
        <v>58</v>
      </c>
      <c r="H179" s="3" t="s">
        <v>59</v>
      </c>
      <c r="I179" s="3" t="s">
        <v>50</v>
      </c>
      <c r="J179" s="3" t="s">
        <v>60</v>
      </c>
      <c r="K179" s="3" t="s">
        <v>32</v>
      </c>
      <c r="L179" s="3" t="s">
        <v>33</v>
      </c>
      <c r="M179" s="3" t="s">
        <v>34</v>
      </c>
      <c r="N179" s="3" t="s">
        <v>61</v>
      </c>
      <c r="O179" s="3" t="s">
        <v>53</v>
      </c>
      <c r="P179" s="3" t="s">
        <v>54</v>
      </c>
      <c r="Q179" s="3" t="s">
        <v>37</v>
      </c>
      <c r="R179" s="3" t="s">
        <v>39</v>
      </c>
      <c r="S179" s="3" t="s">
        <v>62</v>
      </c>
      <c r="T179" s="3" t="s">
        <v>37</v>
      </c>
      <c r="U179" s="3" t="s">
        <v>37</v>
      </c>
      <c r="V179" s="3" t="s">
        <v>37</v>
      </c>
    </row>
    <row r="180" spans="1:22" x14ac:dyDescent="0.25">
      <c r="A180" s="3" t="s">
        <v>22</v>
      </c>
      <c r="B180" s="4" t="s">
        <v>654</v>
      </c>
      <c r="C180" s="3" t="s">
        <v>655</v>
      </c>
      <c r="D180" s="5" t="s">
        <v>116</v>
      </c>
      <c r="E180" s="3" t="s">
        <v>47</v>
      </c>
      <c r="F180" s="3" t="s">
        <v>366</v>
      </c>
      <c r="G180" s="3" t="s">
        <v>367</v>
      </c>
      <c r="H180" s="3" t="s">
        <v>59</v>
      </c>
      <c r="I180" s="3" t="s">
        <v>50</v>
      </c>
      <c r="J180" s="3" t="s">
        <v>368</v>
      </c>
      <c r="K180" s="3" t="s">
        <v>32</v>
      </c>
      <c r="L180" s="3" t="s">
        <v>33</v>
      </c>
      <c r="M180" s="3" t="s">
        <v>34</v>
      </c>
      <c r="N180" s="3" t="s">
        <v>61</v>
      </c>
      <c r="O180" s="3" t="s">
        <v>53</v>
      </c>
      <c r="P180" s="3" t="s">
        <v>54</v>
      </c>
      <c r="Q180" s="3" t="s">
        <v>37</v>
      </c>
      <c r="R180" s="3" t="s">
        <v>39</v>
      </c>
      <c r="S180" s="3" t="s">
        <v>369</v>
      </c>
      <c r="T180" s="3" t="s">
        <v>37</v>
      </c>
      <c r="U180" s="3" t="s">
        <v>37</v>
      </c>
      <c r="V180" s="3" t="s">
        <v>37</v>
      </c>
    </row>
    <row r="181" spans="1:22" x14ac:dyDescent="0.25">
      <c r="A181" s="3" t="s">
        <v>22</v>
      </c>
      <c r="B181" s="4" t="s">
        <v>654</v>
      </c>
      <c r="C181" s="3" t="s">
        <v>655</v>
      </c>
      <c r="D181" s="5" t="s">
        <v>122</v>
      </c>
      <c r="E181" s="3" t="s">
        <v>47</v>
      </c>
      <c r="F181" s="3" t="s">
        <v>370</v>
      </c>
      <c r="G181" s="3" t="s">
        <v>371</v>
      </c>
      <c r="H181" s="3" t="s">
        <v>59</v>
      </c>
      <c r="I181" s="3" t="s">
        <v>50</v>
      </c>
      <c r="J181" s="3" t="s">
        <v>372</v>
      </c>
      <c r="K181" s="3" t="s">
        <v>32</v>
      </c>
      <c r="L181" s="3" t="s">
        <v>33</v>
      </c>
      <c r="M181" s="3" t="s">
        <v>34</v>
      </c>
      <c r="N181" s="3" t="s">
        <v>61</v>
      </c>
      <c r="O181" s="3" t="s">
        <v>53</v>
      </c>
      <c r="P181" s="3" t="s">
        <v>54</v>
      </c>
      <c r="Q181" s="3" t="s">
        <v>37</v>
      </c>
      <c r="R181" s="3" t="s">
        <v>39</v>
      </c>
      <c r="S181" s="3" t="s">
        <v>373</v>
      </c>
      <c r="T181" s="3" t="s">
        <v>37</v>
      </c>
      <c r="U181" s="3" t="s">
        <v>37</v>
      </c>
      <c r="V181" s="3" t="s">
        <v>37</v>
      </c>
    </row>
    <row r="182" spans="1:22" x14ac:dyDescent="0.25">
      <c r="A182" s="3" t="s">
        <v>22</v>
      </c>
      <c r="B182" s="4" t="s">
        <v>654</v>
      </c>
      <c r="C182" s="3" t="s">
        <v>655</v>
      </c>
      <c r="D182" s="5" t="s">
        <v>687</v>
      </c>
      <c r="E182" s="3" t="s">
        <v>47</v>
      </c>
      <c r="F182" s="3" t="s">
        <v>688</v>
      </c>
      <c r="G182" s="3" t="s">
        <v>171</v>
      </c>
      <c r="H182" s="3" t="s">
        <v>59</v>
      </c>
      <c r="I182" s="3" t="s">
        <v>50</v>
      </c>
      <c r="J182" s="3" t="s">
        <v>689</v>
      </c>
      <c r="K182" s="3" t="s">
        <v>32</v>
      </c>
      <c r="L182" s="3" t="s">
        <v>33</v>
      </c>
      <c r="M182" s="3" t="s">
        <v>34</v>
      </c>
      <c r="N182" s="3" t="s">
        <v>61</v>
      </c>
      <c r="O182" s="3" t="s">
        <v>53</v>
      </c>
      <c r="P182" s="3" t="s">
        <v>54</v>
      </c>
      <c r="Q182" s="3" t="s">
        <v>37</v>
      </c>
      <c r="R182" s="3" t="s">
        <v>39</v>
      </c>
      <c r="S182" s="3" t="s">
        <v>690</v>
      </c>
      <c r="T182" s="3" t="s">
        <v>37</v>
      </c>
      <c r="U182" s="3" t="s">
        <v>37</v>
      </c>
      <c r="V182" s="3" t="s">
        <v>37</v>
      </c>
    </row>
    <row r="183" spans="1:22" x14ac:dyDescent="0.25">
      <c r="A183" s="3" t="s">
        <v>22</v>
      </c>
      <c r="B183" s="4" t="s">
        <v>654</v>
      </c>
      <c r="C183" s="3" t="s">
        <v>655</v>
      </c>
      <c r="D183" s="5" t="s">
        <v>691</v>
      </c>
      <c r="E183" s="3" t="s">
        <v>47</v>
      </c>
      <c r="F183" s="3" t="s">
        <v>455</v>
      </c>
      <c r="G183" s="3" t="s">
        <v>242</v>
      </c>
      <c r="H183" s="3" t="s">
        <v>59</v>
      </c>
      <c r="I183" s="3" t="s">
        <v>50</v>
      </c>
      <c r="J183" s="3" t="s">
        <v>456</v>
      </c>
      <c r="K183" s="3" t="s">
        <v>32</v>
      </c>
      <c r="L183" s="3" t="s">
        <v>37</v>
      </c>
      <c r="M183" s="3" t="s">
        <v>34</v>
      </c>
      <c r="N183" s="3" t="s">
        <v>61</v>
      </c>
      <c r="O183" s="3" t="s">
        <v>53</v>
      </c>
      <c r="P183" s="3" t="s">
        <v>54</v>
      </c>
      <c r="Q183" s="3" t="s">
        <v>37</v>
      </c>
      <c r="R183" s="3" t="s">
        <v>39</v>
      </c>
      <c r="S183" s="3" t="s">
        <v>457</v>
      </c>
      <c r="T183" s="3" t="s">
        <v>37</v>
      </c>
      <c r="U183" s="3" t="s">
        <v>37</v>
      </c>
      <c r="V183" s="3" t="s">
        <v>37</v>
      </c>
    </row>
    <row r="184" spans="1:22" x14ac:dyDescent="0.25">
      <c r="A184" s="3" t="s">
        <v>22</v>
      </c>
      <c r="B184" s="4" t="s">
        <v>654</v>
      </c>
      <c r="C184" s="3" t="s">
        <v>655</v>
      </c>
      <c r="D184" s="5" t="s">
        <v>692</v>
      </c>
      <c r="E184" s="3" t="s">
        <v>47</v>
      </c>
      <c r="F184" s="3" t="s">
        <v>591</v>
      </c>
      <c r="G184" s="3" t="s">
        <v>592</v>
      </c>
      <c r="H184" s="3" t="s">
        <v>59</v>
      </c>
      <c r="I184" s="3" t="s">
        <v>50</v>
      </c>
      <c r="J184" s="3" t="s">
        <v>593</v>
      </c>
      <c r="K184" s="3" t="s">
        <v>32</v>
      </c>
      <c r="L184" s="3" t="s">
        <v>33</v>
      </c>
      <c r="M184" s="3" t="s">
        <v>34</v>
      </c>
      <c r="N184" s="3" t="s">
        <v>61</v>
      </c>
      <c r="O184" s="3" t="s">
        <v>53</v>
      </c>
      <c r="P184" s="3" t="s">
        <v>54</v>
      </c>
      <c r="Q184" s="3" t="s">
        <v>37</v>
      </c>
      <c r="R184" s="3" t="s">
        <v>39</v>
      </c>
      <c r="S184" s="3" t="s">
        <v>594</v>
      </c>
      <c r="T184" s="3" t="s">
        <v>37</v>
      </c>
      <c r="U184" s="3" t="s">
        <v>37</v>
      </c>
      <c r="V184" s="3" t="s">
        <v>37</v>
      </c>
    </row>
    <row r="185" spans="1:22" x14ac:dyDescent="0.25">
      <c r="A185" s="3" t="s">
        <v>22</v>
      </c>
      <c r="B185" s="4" t="s">
        <v>654</v>
      </c>
      <c r="C185" s="3" t="s">
        <v>655</v>
      </c>
      <c r="D185" s="5" t="s">
        <v>693</v>
      </c>
      <c r="E185" s="3" t="s">
        <v>47</v>
      </c>
      <c r="F185" s="3" t="s">
        <v>304</v>
      </c>
      <c r="G185" s="3" t="s">
        <v>305</v>
      </c>
      <c r="H185" s="3" t="s">
        <v>59</v>
      </c>
      <c r="I185" s="3" t="s">
        <v>50</v>
      </c>
      <c r="J185" s="3" t="s">
        <v>306</v>
      </c>
      <c r="K185" s="3" t="s">
        <v>32</v>
      </c>
      <c r="L185" s="3" t="s">
        <v>33</v>
      </c>
      <c r="M185" s="3" t="s">
        <v>34</v>
      </c>
      <c r="N185" s="3" t="s">
        <v>61</v>
      </c>
      <c r="O185" s="3" t="s">
        <v>53</v>
      </c>
      <c r="P185" s="3" t="s">
        <v>54</v>
      </c>
      <c r="Q185" s="3" t="s">
        <v>37</v>
      </c>
      <c r="R185" s="3" t="s">
        <v>39</v>
      </c>
      <c r="S185" s="3" t="s">
        <v>307</v>
      </c>
      <c r="T185" s="3" t="s">
        <v>37</v>
      </c>
      <c r="U185" s="3" t="s">
        <v>37</v>
      </c>
      <c r="V185" s="3" t="s">
        <v>37</v>
      </c>
    </row>
    <row r="186" spans="1:22" x14ac:dyDescent="0.25">
      <c r="A186" s="3" t="s">
        <v>22</v>
      </c>
      <c r="B186" s="4" t="s">
        <v>654</v>
      </c>
      <c r="C186" s="3" t="s">
        <v>655</v>
      </c>
      <c r="D186" s="5" t="s">
        <v>694</v>
      </c>
      <c r="E186" s="3" t="s">
        <v>47</v>
      </c>
      <c r="F186" s="3" t="s">
        <v>635</v>
      </c>
      <c r="G186" s="3" t="s">
        <v>636</v>
      </c>
      <c r="H186" s="3" t="s">
        <v>29</v>
      </c>
      <c r="I186" s="3" t="s">
        <v>50</v>
      </c>
      <c r="J186" s="3" t="s">
        <v>637</v>
      </c>
      <c r="K186" s="3" t="s">
        <v>32</v>
      </c>
      <c r="L186" s="3" t="s">
        <v>33</v>
      </c>
      <c r="M186" s="3" t="s">
        <v>34</v>
      </c>
      <c r="N186" s="3" t="s">
        <v>52</v>
      </c>
      <c r="O186" s="3" t="s">
        <v>53</v>
      </c>
      <c r="P186" s="3" t="s">
        <v>54</v>
      </c>
      <c r="Q186" s="3" t="s">
        <v>38</v>
      </c>
      <c r="R186" s="3" t="s">
        <v>39</v>
      </c>
      <c r="S186" s="3" t="s">
        <v>638</v>
      </c>
      <c r="T186" s="3" t="s">
        <v>37</v>
      </c>
      <c r="U186" s="3" t="s">
        <v>37</v>
      </c>
      <c r="V186" s="3" t="s">
        <v>37</v>
      </c>
    </row>
    <row r="187" spans="1:22" x14ac:dyDescent="0.25">
      <c r="A187" s="3" t="s">
        <v>22</v>
      </c>
      <c r="B187" s="4" t="s">
        <v>654</v>
      </c>
      <c r="C187" s="3" t="s">
        <v>655</v>
      </c>
      <c r="D187" s="5" t="s">
        <v>695</v>
      </c>
      <c r="E187" s="3" t="s">
        <v>47</v>
      </c>
      <c r="F187" s="3" t="s">
        <v>603</v>
      </c>
      <c r="G187" s="3" t="s">
        <v>384</v>
      </c>
      <c r="H187" s="3" t="s">
        <v>29</v>
      </c>
      <c r="I187" s="3" t="s">
        <v>50</v>
      </c>
      <c r="J187" s="3" t="s">
        <v>604</v>
      </c>
      <c r="K187" s="3" t="s">
        <v>32</v>
      </c>
      <c r="L187" s="3" t="s">
        <v>33</v>
      </c>
      <c r="M187" s="3" t="s">
        <v>34</v>
      </c>
      <c r="N187" s="3" t="s">
        <v>52</v>
      </c>
      <c r="O187" s="3" t="s">
        <v>53</v>
      </c>
      <c r="P187" s="3" t="s">
        <v>54</v>
      </c>
      <c r="Q187" s="3" t="s">
        <v>38</v>
      </c>
      <c r="R187" s="3" t="s">
        <v>39</v>
      </c>
      <c r="S187" s="3" t="s">
        <v>605</v>
      </c>
      <c r="T187" s="3" t="s">
        <v>37</v>
      </c>
      <c r="U187" s="3" t="s">
        <v>37</v>
      </c>
      <c r="V187" s="3" t="s">
        <v>37</v>
      </c>
    </row>
    <row r="188" spans="1:22" x14ac:dyDescent="0.25">
      <c r="A188" s="3" t="s">
        <v>22</v>
      </c>
      <c r="B188" s="4" t="s">
        <v>654</v>
      </c>
      <c r="C188" s="3" t="s">
        <v>655</v>
      </c>
      <c r="D188" s="5" t="s">
        <v>179</v>
      </c>
      <c r="E188" s="3" t="s">
        <v>495</v>
      </c>
      <c r="F188" s="3" t="s">
        <v>696</v>
      </c>
      <c r="G188" s="3" t="s">
        <v>74</v>
      </c>
      <c r="H188" s="3" t="s">
        <v>59</v>
      </c>
      <c r="I188" s="3" t="s">
        <v>37</v>
      </c>
      <c r="J188" s="3" t="s">
        <v>697</v>
      </c>
      <c r="K188" s="3" t="s">
        <v>32</v>
      </c>
      <c r="L188" s="3" t="s">
        <v>33</v>
      </c>
      <c r="M188" s="3" t="s">
        <v>68</v>
      </c>
      <c r="N188" s="3" t="s">
        <v>190</v>
      </c>
      <c r="O188" s="3" t="s">
        <v>53</v>
      </c>
      <c r="P188" s="3" t="s">
        <v>37</v>
      </c>
      <c r="Q188" s="3" t="s">
        <v>37</v>
      </c>
      <c r="R188" s="3" t="s">
        <v>39</v>
      </c>
      <c r="S188" s="3" t="s">
        <v>698</v>
      </c>
      <c r="T188" s="3" t="s">
        <v>127</v>
      </c>
      <c r="U188" s="3" t="s">
        <v>37</v>
      </c>
      <c r="V188" s="3" t="s">
        <v>37</v>
      </c>
    </row>
    <row r="189" spans="1:22" x14ac:dyDescent="0.25">
      <c r="A189" s="3" t="s">
        <v>22</v>
      </c>
      <c r="B189" s="4" t="s">
        <v>654</v>
      </c>
      <c r="C189" s="3" t="s">
        <v>655</v>
      </c>
      <c r="D189" s="5" t="s">
        <v>354</v>
      </c>
      <c r="E189" s="3" t="s">
        <v>495</v>
      </c>
      <c r="F189" s="3" t="s">
        <v>699</v>
      </c>
      <c r="G189" s="3" t="s">
        <v>247</v>
      </c>
      <c r="H189" s="3" t="s">
        <v>59</v>
      </c>
      <c r="I189" s="3" t="s">
        <v>37</v>
      </c>
      <c r="J189" s="3" t="s">
        <v>700</v>
      </c>
      <c r="K189" s="3" t="s">
        <v>32</v>
      </c>
      <c r="L189" s="3" t="s">
        <v>33</v>
      </c>
      <c r="M189" s="3" t="s">
        <v>68</v>
      </c>
      <c r="N189" s="3" t="s">
        <v>190</v>
      </c>
      <c r="O189" s="3" t="s">
        <v>53</v>
      </c>
      <c r="P189" s="3" t="s">
        <v>54</v>
      </c>
      <c r="Q189" s="3" t="s">
        <v>37</v>
      </c>
      <c r="R189" s="3" t="s">
        <v>39</v>
      </c>
      <c r="S189" s="3" t="s">
        <v>701</v>
      </c>
      <c r="T189" s="3" t="s">
        <v>37</v>
      </c>
      <c r="U189" s="3" t="s">
        <v>37</v>
      </c>
      <c r="V189" s="3" t="s">
        <v>144</v>
      </c>
    </row>
    <row r="190" spans="1:22" x14ac:dyDescent="0.25">
      <c r="A190" s="3" t="s">
        <v>22</v>
      </c>
      <c r="B190" s="4" t="s">
        <v>654</v>
      </c>
      <c r="C190" s="3" t="s">
        <v>655</v>
      </c>
      <c r="D190" s="5" t="s">
        <v>186</v>
      </c>
      <c r="E190" s="3" t="s">
        <v>180</v>
      </c>
      <c r="F190" s="3" t="s">
        <v>37</v>
      </c>
      <c r="G190" s="3" t="s">
        <v>37</v>
      </c>
      <c r="H190" s="3" t="s">
        <v>37</v>
      </c>
      <c r="I190" s="3" t="s">
        <v>181</v>
      </c>
      <c r="J190" s="3" t="s">
        <v>182</v>
      </c>
      <c r="K190" s="3" t="s">
        <v>183</v>
      </c>
      <c r="L190" s="3" t="s">
        <v>114</v>
      </c>
      <c r="M190" s="3" t="s">
        <v>34</v>
      </c>
      <c r="N190" s="3" t="s">
        <v>184</v>
      </c>
      <c r="O190" s="3" t="s">
        <v>909</v>
      </c>
      <c r="P190" s="3" t="s">
        <v>37</v>
      </c>
      <c r="Q190" s="3" t="s">
        <v>37</v>
      </c>
      <c r="R190" s="3" t="s">
        <v>39</v>
      </c>
      <c r="S190" s="3" t="s">
        <v>185</v>
      </c>
      <c r="T190" s="3" t="s">
        <v>37</v>
      </c>
      <c r="U190" s="3" t="s">
        <v>37</v>
      </c>
      <c r="V190" s="3" t="s">
        <v>37</v>
      </c>
    </row>
    <row r="191" spans="1:22" x14ac:dyDescent="0.25">
      <c r="A191" s="3" t="s">
        <v>22</v>
      </c>
      <c r="B191" s="4" t="s">
        <v>654</v>
      </c>
      <c r="C191" s="3" t="s">
        <v>655</v>
      </c>
      <c r="D191" s="5" t="s">
        <v>199</v>
      </c>
      <c r="E191" s="3" t="s">
        <v>72</v>
      </c>
      <c r="F191" s="3" t="s">
        <v>566</v>
      </c>
      <c r="G191" s="3" t="s">
        <v>567</v>
      </c>
      <c r="H191" s="3" t="s">
        <v>87</v>
      </c>
      <c r="I191" s="3" t="s">
        <v>37</v>
      </c>
      <c r="J191" s="3" t="s">
        <v>568</v>
      </c>
      <c r="K191" s="3" t="s">
        <v>32</v>
      </c>
      <c r="L191" s="3" t="s">
        <v>33</v>
      </c>
      <c r="M191" s="3" t="s">
        <v>68</v>
      </c>
      <c r="N191" s="3" t="s">
        <v>190</v>
      </c>
      <c r="O191" s="3" t="s">
        <v>53</v>
      </c>
      <c r="P191" s="3" t="s">
        <v>54</v>
      </c>
      <c r="Q191" s="3" t="s">
        <v>37</v>
      </c>
      <c r="R191" s="3" t="s">
        <v>39</v>
      </c>
      <c r="S191" s="3" t="s">
        <v>569</v>
      </c>
      <c r="T191" s="3" t="s">
        <v>37</v>
      </c>
      <c r="U191" s="3" t="s">
        <v>37</v>
      </c>
      <c r="V191" s="3" t="s">
        <v>37</v>
      </c>
    </row>
    <row r="192" spans="1:22" x14ac:dyDescent="0.25">
      <c r="A192" s="3" t="s">
        <v>22</v>
      </c>
      <c r="B192" s="4" t="s">
        <v>654</v>
      </c>
      <c r="C192" s="3" t="s">
        <v>655</v>
      </c>
      <c r="D192" s="5" t="s">
        <v>204</v>
      </c>
      <c r="E192" s="3" t="s">
        <v>72</v>
      </c>
      <c r="F192" s="3" t="s">
        <v>570</v>
      </c>
      <c r="G192" s="3" t="s">
        <v>571</v>
      </c>
      <c r="H192" s="3" t="s">
        <v>87</v>
      </c>
      <c r="I192" s="3" t="s">
        <v>37</v>
      </c>
      <c r="J192" s="3" t="s">
        <v>572</v>
      </c>
      <c r="K192" s="3" t="s">
        <v>32</v>
      </c>
      <c r="L192" s="3" t="s">
        <v>33</v>
      </c>
      <c r="M192" s="3" t="s">
        <v>68</v>
      </c>
      <c r="N192" s="3" t="s">
        <v>190</v>
      </c>
      <c r="O192" s="3" t="s">
        <v>53</v>
      </c>
      <c r="P192" s="3" t="s">
        <v>54</v>
      </c>
      <c r="Q192" s="3" t="s">
        <v>37</v>
      </c>
      <c r="R192" s="3" t="s">
        <v>39</v>
      </c>
      <c r="S192" s="3" t="s">
        <v>573</v>
      </c>
      <c r="T192" s="3" t="s">
        <v>37</v>
      </c>
      <c r="U192" s="3" t="s">
        <v>37</v>
      </c>
      <c r="V192" s="3" t="s">
        <v>37</v>
      </c>
    </row>
    <row r="193" spans="1:22" x14ac:dyDescent="0.25">
      <c r="A193" s="3" t="s">
        <v>22</v>
      </c>
      <c r="B193" s="4" t="s">
        <v>654</v>
      </c>
      <c r="C193" s="3" t="s">
        <v>655</v>
      </c>
      <c r="D193" s="5" t="s">
        <v>520</v>
      </c>
      <c r="E193" s="3" t="s">
        <v>521</v>
      </c>
      <c r="F193" s="3" t="s">
        <v>702</v>
      </c>
      <c r="G193" s="3" t="s">
        <v>81</v>
      </c>
      <c r="H193" s="3" t="s">
        <v>59</v>
      </c>
      <c r="I193" s="3" t="s">
        <v>523</v>
      </c>
      <c r="J193" s="3" t="s">
        <v>703</v>
      </c>
      <c r="K193" s="3" t="s">
        <v>32</v>
      </c>
      <c r="L193" s="3" t="s">
        <v>37</v>
      </c>
      <c r="M193" s="3" t="s">
        <v>34</v>
      </c>
      <c r="N193" s="3" t="s">
        <v>77</v>
      </c>
      <c r="O193" s="3" t="s">
        <v>223</v>
      </c>
      <c r="P193" s="3" t="s">
        <v>37</v>
      </c>
      <c r="Q193" s="3" t="s">
        <v>37</v>
      </c>
      <c r="R193" s="3" t="s">
        <v>39</v>
      </c>
      <c r="S193" s="3" t="s">
        <v>704</v>
      </c>
      <c r="T193" s="3" t="s">
        <v>37</v>
      </c>
      <c r="U193" s="3" t="s">
        <v>37</v>
      </c>
      <c r="V193" s="3" t="s">
        <v>37</v>
      </c>
    </row>
    <row r="194" spans="1:22" x14ac:dyDescent="0.25">
      <c r="A194" s="3" t="s">
        <v>22</v>
      </c>
      <c r="B194" s="4" t="s">
        <v>654</v>
      </c>
      <c r="C194" s="3" t="s">
        <v>655</v>
      </c>
      <c r="D194" s="5" t="s">
        <v>526</v>
      </c>
      <c r="E194" s="3" t="s">
        <v>521</v>
      </c>
      <c r="F194" s="3" t="s">
        <v>705</v>
      </c>
      <c r="G194" s="3" t="s">
        <v>706</v>
      </c>
      <c r="H194" s="3" t="s">
        <v>59</v>
      </c>
      <c r="I194" s="3" t="s">
        <v>523</v>
      </c>
      <c r="J194" s="3" t="s">
        <v>707</v>
      </c>
      <c r="K194" s="3" t="s">
        <v>32</v>
      </c>
      <c r="L194" s="3" t="s">
        <v>37</v>
      </c>
      <c r="M194" s="3" t="s">
        <v>34</v>
      </c>
      <c r="N194" s="3" t="s">
        <v>77</v>
      </c>
      <c r="O194" s="3" t="s">
        <v>223</v>
      </c>
      <c r="P194" s="3" t="s">
        <v>37</v>
      </c>
      <c r="Q194" s="3" t="s">
        <v>37</v>
      </c>
      <c r="R194" s="3" t="s">
        <v>39</v>
      </c>
      <c r="S194" s="3" t="s">
        <v>708</v>
      </c>
      <c r="T194" s="3" t="s">
        <v>37</v>
      </c>
      <c r="U194" s="3" t="s">
        <v>37</v>
      </c>
      <c r="V194" s="3" t="s">
        <v>37</v>
      </c>
    </row>
    <row r="195" spans="1:22" x14ac:dyDescent="0.25">
      <c r="A195" s="3" t="s">
        <v>22</v>
      </c>
      <c r="B195" s="4" t="s">
        <v>654</v>
      </c>
      <c r="C195" s="3" t="s">
        <v>655</v>
      </c>
      <c r="D195" s="5" t="s">
        <v>219</v>
      </c>
      <c r="E195" s="3" t="s">
        <v>463</v>
      </c>
      <c r="F195" s="3" t="s">
        <v>709</v>
      </c>
      <c r="G195" s="3" t="s">
        <v>74</v>
      </c>
      <c r="H195" s="3" t="s">
        <v>87</v>
      </c>
      <c r="I195" s="3" t="s">
        <v>710</v>
      </c>
      <c r="J195" s="3" t="s">
        <v>711</v>
      </c>
      <c r="K195" s="3" t="s">
        <v>32</v>
      </c>
      <c r="L195" s="3" t="s">
        <v>114</v>
      </c>
      <c r="M195" s="3" t="s">
        <v>68</v>
      </c>
      <c r="N195" s="3" t="s">
        <v>69</v>
      </c>
      <c r="O195" s="3" t="s">
        <v>36</v>
      </c>
      <c r="P195" s="3" t="s">
        <v>54</v>
      </c>
      <c r="Q195" s="3" t="s">
        <v>37</v>
      </c>
      <c r="R195" s="3" t="s">
        <v>39</v>
      </c>
      <c r="S195" s="3" t="s">
        <v>712</v>
      </c>
      <c r="T195" s="3" t="s">
        <v>37</v>
      </c>
      <c r="U195" s="3" t="s">
        <v>37</v>
      </c>
      <c r="V195" s="3" t="s">
        <v>37</v>
      </c>
    </row>
    <row r="196" spans="1:22" x14ac:dyDescent="0.25">
      <c r="A196" s="3" t="s">
        <v>22</v>
      </c>
      <c r="B196" s="4" t="s">
        <v>654</v>
      </c>
      <c r="C196" s="3" t="s">
        <v>655</v>
      </c>
      <c r="D196" s="5" t="s">
        <v>225</v>
      </c>
      <c r="E196" s="3" t="s">
        <v>463</v>
      </c>
      <c r="F196" s="3" t="s">
        <v>713</v>
      </c>
      <c r="G196" s="3" t="s">
        <v>714</v>
      </c>
      <c r="H196" s="3" t="s">
        <v>87</v>
      </c>
      <c r="I196" s="3" t="s">
        <v>715</v>
      </c>
      <c r="J196" s="3" t="s">
        <v>716</v>
      </c>
      <c r="K196" s="3" t="s">
        <v>32</v>
      </c>
      <c r="L196" s="3" t="s">
        <v>114</v>
      </c>
      <c r="M196" s="3" t="s">
        <v>68</v>
      </c>
      <c r="N196" s="3" t="s">
        <v>69</v>
      </c>
      <c r="O196" s="3" t="s">
        <v>36</v>
      </c>
      <c r="P196" s="3" t="s">
        <v>54</v>
      </c>
      <c r="Q196" s="3" t="s">
        <v>37</v>
      </c>
      <c r="R196" s="3" t="s">
        <v>39</v>
      </c>
      <c r="S196" s="3" t="s">
        <v>717</v>
      </c>
      <c r="T196" s="3" t="s">
        <v>37</v>
      </c>
      <c r="U196" s="3" t="s">
        <v>37</v>
      </c>
      <c r="V196" s="3" t="s">
        <v>37</v>
      </c>
    </row>
    <row r="197" spans="1:22" x14ac:dyDescent="0.25">
      <c r="A197" s="3" t="s">
        <v>22</v>
      </c>
      <c r="B197" s="4" t="s">
        <v>654</v>
      </c>
      <c r="C197" s="3" t="s">
        <v>655</v>
      </c>
      <c r="D197" s="5" t="s">
        <v>230</v>
      </c>
      <c r="E197" s="3" t="s">
        <v>187</v>
      </c>
      <c r="F197" s="3" t="s">
        <v>718</v>
      </c>
      <c r="G197" s="3" t="s">
        <v>66</v>
      </c>
      <c r="H197" s="3" t="s">
        <v>29</v>
      </c>
      <c r="I197" s="3" t="s">
        <v>37</v>
      </c>
      <c r="J197" s="3" t="s">
        <v>719</v>
      </c>
      <c r="K197" s="3" t="s">
        <v>32</v>
      </c>
      <c r="L197" s="3" t="s">
        <v>114</v>
      </c>
      <c r="M197" s="3" t="s">
        <v>68</v>
      </c>
      <c r="N197" s="3" t="s">
        <v>69</v>
      </c>
      <c r="O197" s="3" t="s">
        <v>36</v>
      </c>
      <c r="P197" s="3" t="s">
        <v>54</v>
      </c>
      <c r="Q197" s="3" t="s">
        <v>37</v>
      </c>
      <c r="R197" s="3" t="s">
        <v>39</v>
      </c>
      <c r="S197" s="3" t="s">
        <v>720</v>
      </c>
      <c r="T197" s="3" t="s">
        <v>37</v>
      </c>
      <c r="U197" s="3" t="s">
        <v>37</v>
      </c>
      <c r="V197" s="3" t="s">
        <v>37</v>
      </c>
    </row>
    <row r="198" spans="1:22" x14ac:dyDescent="0.25">
      <c r="A198" s="3" t="s">
        <v>22</v>
      </c>
      <c r="B198" s="4" t="s">
        <v>654</v>
      </c>
      <c r="C198" s="3" t="s">
        <v>655</v>
      </c>
      <c r="D198" s="5" t="s">
        <v>235</v>
      </c>
      <c r="E198" s="3" t="s">
        <v>187</v>
      </c>
      <c r="F198" s="3" t="s">
        <v>721</v>
      </c>
      <c r="G198" s="3" t="s">
        <v>221</v>
      </c>
      <c r="H198" s="3" t="s">
        <v>29</v>
      </c>
      <c r="I198" s="3" t="s">
        <v>37</v>
      </c>
      <c r="J198" s="3" t="s">
        <v>722</v>
      </c>
      <c r="K198" s="3" t="s">
        <v>32</v>
      </c>
      <c r="L198" s="3" t="s">
        <v>114</v>
      </c>
      <c r="M198" s="3" t="s">
        <v>68</v>
      </c>
      <c r="N198" s="3" t="s">
        <v>69</v>
      </c>
      <c r="O198" s="3" t="s">
        <v>36</v>
      </c>
      <c r="P198" s="3" t="s">
        <v>54</v>
      </c>
      <c r="Q198" s="3" t="s">
        <v>37</v>
      </c>
      <c r="R198" s="3" t="s">
        <v>39</v>
      </c>
      <c r="S198" s="3" t="s">
        <v>723</v>
      </c>
      <c r="T198" s="3" t="s">
        <v>37</v>
      </c>
      <c r="U198" s="3" t="s">
        <v>37</v>
      </c>
      <c r="V198" s="3" t="s">
        <v>37</v>
      </c>
    </row>
    <row r="199" spans="1:22" x14ac:dyDescent="0.25">
      <c r="A199" s="3" t="s">
        <v>22</v>
      </c>
      <c r="B199" s="4" t="s">
        <v>654</v>
      </c>
      <c r="C199" s="3" t="s">
        <v>655</v>
      </c>
      <c r="D199" s="5" t="s">
        <v>239</v>
      </c>
      <c r="E199" s="3" t="s">
        <v>544</v>
      </c>
      <c r="F199" s="3" t="s">
        <v>724</v>
      </c>
      <c r="G199" s="3" t="s">
        <v>86</v>
      </c>
      <c r="H199" s="3" t="s">
        <v>29</v>
      </c>
      <c r="I199" s="3" t="s">
        <v>725</v>
      </c>
      <c r="J199" s="3" t="s">
        <v>726</v>
      </c>
      <c r="K199" s="3" t="s">
        <v>32</v>
      </c>
      <c r="L199" s="3" t="s">
        <v>114</v>
      </c>
      <c r="M199" s="3" t="s">
        <v>549</v>
      </c>
      <c r="N199" s="3" t="s">
        <v>550</v>
      </c>
      <c r="O199" s="3" t="s">
        <v>727</v>
      </c>
      <c r="P199" s="3" t="s">
        <v>54</v>
      </c>
      <c r="Q199" s="3" t="s">
        <v>38</v>
      </c>
      <c r="R199" s="3" t="s">
        <v>39</v>
      </c>
      <c r="S199" s="3" t="s">
        <v>728</v>
      </c>
      <c r="T199" s="3" t="s">
        <v>37</v>
      </c>
      <c r="U199" s="3" t="s">
        <v>37</v>
      </c>
      <c r="V199" s="3" t="s">
        <v>37</v>
      </c>
    </row>
    <row r="200" spans="1:22" x14ac:dyDescent="0.25">
      <c r="A200" s="3"/>
      <c r="B200" s="4"/>
      <c r="C200" s="3"/>
      <c r="D200" s="5"/>
      <c r="E200" s="6" t="s">
        <v>250</v>
      </c>
      <c r="F200" s="3"/>
      <c r="G200" s="3"/>
      <c r="H200" s="3"/>
      <c r="I200" s="3"/>
      <c r="J200" s="3"/>
      <c r="K200" s="3"/>
      <c r="L200" s="3"/>
      <c r="M200" s="3"/>
      <c r="N200" s="3"/>
      <c r="O200" s="3"/>
      <c r="P200" s="3"/>
      <c r="Q200" s="3"/>
      <c r="R200" s="3"/>
      <c r="S200" s="3"/>
      <c r="T200" s="3"/>
      <c r="U200" s="3"/>
      <c r="V200" s="3"/>
    </row>
    <row r="201" spans="1:22" x14ac:dyDescent="0.25">
      <c r="A201" s="3"/>
      <c r="B201" s="4"/>
      <c r="C201" s="3"/>
      <c r="D201" s="5"/>
      <c r="E201" s="6"/>
      <c r="F201" s="3"/>
      <c r="G201" s="3"/>
      <c r="H201" s="3"/>
      <c r="I201" s="3"/>
      <c r="J201" s="3"/>
      <c r="K201" s="3"/>
      <c r="L201" s="3"/>
      <c r="M201" s="3"/>
      <c r="N201" s="3"/>
      <c r="O201" s="3"/>
      <c r="P201" s="3"/>
      <c r="Q201" s="3"/>
      <c r="R201" s="3"/>
      <c r="S201" s="3"/>
      <c r="T201" s="3"/>
      <c r="U201" s="3"/>
      <c r="V201" s="3"/>
    </row>
    <row r="202" spans="1:22" x14ac:dyDescent="0.25">
      <c r="A202" s="3"/>
      <c r="B202" s="4"/>
      <c r="C202" s="3"/>
      <c r="D202" s="5"/>
      <c r="E202" s="3"/>
      <c r="F202" s="3"/>
      <c r="G202" s="3"/>
      <c r="H202" s="3"/>
      <c r="I202" s="3"/>
      <c r="J202" s="3"/>
      <c r="K202" s="3"/>
      <c r="L202" s="3"/>
      <c r="M202" s="3"/>
      <c r="N202" s="3"/>
      <c r="O202" s="3"/>
      <c r="P202" s="3"/>
      <c r="Q202" s="3"/>
      <c r="R202" s="3"/>
      <c r="S202" s="3"/>
      <c r="T202" s="3"/>
      <c r="U202" s="3"/>
      <c r="V202" s="3"/>
    </row>
    <row r="203" spans="1:22" x14ac:dyDescent="0.25">
      <c r="A203" s="3" t="s">
        <v>22</v>
      </c>
      <c r="B203" s="4" t="s">
        <v>729</v>
      </c>
      <c r="C203" s="3" t="s">
        <v>730</v>
      </c>
      <c r="D203" s="5" t="s">
        <v>25</v>
      </c>
      <c r="E203" s="3" t="s">
        <v>138</v>
      </c>
      <c r="F203" s="3" t="s">
        <v>731</v>
      </c>
      <c r="G203" s="3" t="s">
        <v>176</v>
      </c>
      <c r="H203" s="3" t="s">
        <v>59</v>
      </c>
      <c r="I203" s="3" t="s">
        <v>402</v>
      </c>
      <c r="J203" s="3" t="s">
        <v>732</v>
      </c>
      <c r="K203" s="3" t="s">
        <v>32</v>
      </c>
      <c r="L203" s="3" t="s">
        <v>33</v>
      </c>
      <c r="M203" s="3" t="s">
        <v>68</v>
      </c>
      <c r="N203" s="3" t="s">
        <v>69</v>
      </c>
      <c r="O203" s="3" t="s">
        <v>53</v>
      </c>
      <c r="P203" s="3" t="s">
        <v>54</v>
      </c>
      <c r="Q203" s="3" t="s">
        <v>37</v>
      </c>
      <c r="R203" s="3" t="s">
        <v>39</v>
      </c>
      <c r="S203" s="3" t="s">
        <v>733</v>
      </c>
      <c r="T203" s="3" t="s">
        <v>37</v>
      </c>
      <c r="U203" s="3" t="s">
        <v>37</v>
      </c>
      <c r="V203" s="3" t="s">
        <v>37</v>
      </c>
    </row>
    <row r="204" spans="1:22" x14ac:dyDescent="0.25">
      <c r="A204" s="3" t="s">
        <v>22</v>
      </c>
      <c r="B204" s="4" t="s">
        <v>729</v>
      </c>
      <c r="C204" s="3" t="s">
        <v>730</v>
      </c>
      <c r="D204" s="5" t="s">
        <v>41</v>
      </c>
      <c r="E204" s="3" t="s">
        <v>138</v>
      </c>
      <c r="F204" s="3" t="s">
        <v>734</v>
      </c>
      <c r="G204" s="3" t="s">
        <v>344</v>
      </c>
      <c r="H204" s="3" t="s">
        <v>59</v>
      </c>
      <c r="I204" s="3" t="s">
        <v>402</v>
      </c>
      <c r="J204" s="3" t="s">
        <v>735</v>
      </c>
      <c r="K204" s="3" t="s">
        <v>32</v>
      </c>
      <c r="L204" s="3" t="s">
        <v>33</v>
      </c>
      <c r="M204" s="3" t="s">
        <v>68</v>
      </c>
      <c r="N204" s="3" t="s">
        <v>69</v>
      </c>
      <c r="O204" s="3" t="s">
        <v>53</v>
      </c>
      <c r="P204" s="3" t="s">
        <v>54</v>
      </c>
      <c r="Q204" s="3" t="s">
        <v>37</v>
      </c>
      <c r="R204" s="3" t="s">
        <v>39</v>
      </c>
      <c r="S204" s="3" t="s">
        <v>736</v>
      </c>
      <c r="T204" s="3" t="s">
        <v>37</v>
      </c>
      <c r="U204" s="3" t="s">
        <v>37</v>
      </c>
      <c r="V204" s="3" t="s">
        <v>37</v>
      </c>
    </row>
    <row r="205" spans="1:22" x14ac:dyDescent="0.25">
      <c r="A205" s="3" t="s">
        <v>22</v>
      </c>
      <c r="B205" s="4" t="s">
        <v>729</v>
      </c>
      <c r="C205" s="3" t="s">
        <v>730</v>
      </c>
      <c r="D205" s="5" t="s">
        <v>46</v>
      </c>
      <c r="E205" s="3" t="s">
        <v>47</v>
      </c>
      <c r="F205" s="3" t="s">
        <v>632</v>
      </c>
      <c r="G205" s="3" t="s">
        <v>227</v>
      </c>
      <c r="H205" s="3" t="s">
        <v>29</v>
      </c>
      <c r="I205" s="3" t="s">
        <v>50</v>
      </c>
      <c r="J205" s="3" t="s">
        <v>633</v>
      </c>
      <c r="K205" s="3" t="s">
        <v>32</v>
      </c>
      <c r="L205" s="3" t="s">
        <v>33</v>
      </c>
      <c r="M205" s="3" t="s">
        <v>34</v>
      </c>
      <c r="N205" s="3" t="s">
        <v>52</v>
      </c>
      <c r="O205" s="3" t="s">
        <v>53</v>
      </c>
      <c r="P205" s="3" t="s">
        <v>54</v>
      </c>
      <c r="Q205" s="3" t="s">
        <v>38</v>
      </c>
      <c r="R205" s="3" t="s">
        <v>39</v>
      </c>
      <c r="S205" s="3" t="s">
        <v>634</v>
      </c>
      <c r="T205" s="3" t="s">
        <v>37</v>
      </c>
      <c r="U205" s="3" t="s">
        <v>37</v>
      </c>
      <c r="V205" s="3" t="s">
        <v>37</v>
      </c>
    </row>
    <row r="206" spans="1:22" x14ac:dyDescent="0.25">
      <c r="A206" s="3" t="s">
        <v>22</v>
      </c>
      <c r="B206" s="4" t="s">
        <v>729</v>
      </c>
      <c r="C206" s="3" t="s">
        <v>730</v>
      </c>
      <c r="D206" s="5" t="s">
        <v>56</v>
      </c>
      <c r="E206" s="3" t="s">
        <v>47</v>
      </c>
      <c r="F206" s="3" t="s">
        <v>635</v>
      </c>
      <c r="G206" s="3" t="s">
        <v>636</v>
      </c>
      <c r="H206" s="3" t="s">
        <v>29</v>
      </c>
      <c r="I206" s="3" t="s">
        <v>50</v>
      </c>
      <c r="J206" s="3" t="s">
        <v>637</v>
      </c>
      <c r="K206" s="3" t="s">
        <v>32</v>
      </c>
      <c r="L206" s="3" t="s">
        <v>33</v>
      </c>
      <c r="M206" s="3" t="s">
        <v>34</v>
      </c>
      <c r="N206" s="3" t="s">
        <v>52</v>
      </c>
      <c r="O206" s="3" t="s">
        <v>53</v>
      </c>
      <c r="P206" s="3" t="s">
        <v>54</v>
      </c>
      <c r="Q206" s="3" t="s">
        <v>38</v>
      </c>
      <c r="R206" s="3" t="s">
        <v>39</v>
      </c>
      <c r="S206" s="3" t="s">
        <v>638</v>
      </c>
      <c r="T206" s="3" t="s">
        <v>37</v>
      </c>
      <c r="U206" s="3" t="s">
        <v>37</v>
      </c>
      <c r="V206" s="3" t="s">
        <v>37</v>
      </c>
    </row>
    <row r="207" spans="1:22" x14ac:dyDescent="0.25">
      <c r="A207" s="3" t="s">
        <v>22</v>
      </c>
      <c r="B207" s="4" t="s">
        <v>729</v>
      </c>
      <c r="C207" s="3" t="s">
        <v>730</v>
      </c>
      <c r="D207" s="5" t="s">
        <v>63</v>
      </c>
      <c r="E207" s="3" t="s">
        <v>72</v>
      </c>
      <c r="F207" s="3" t="s">
        <v>737</v>
      </c>
      <c r="G207" s="3" t="s">
        <v>738</v>
      </c>
      <c r="H207" s="3" t="s">
        <v>87</v>
      </c>
      <c r="I207" s="3" t="s">
        <v>37</v>
      </c>
      <c r="J207" s="3" t="s">
        <v>422</v>
      </c>
      <c r="K207" s="3" t="s">
        <v>32</v>
      </c>
      <c r="L207" s="3" t="s">
        <v>33</v>
      </c>
      <c r="M207" s="3" t="s">
        <v>68</v>
      </c>
      <c r="N207" s="3" t="s">
        <v>190</v>
      </c>
      <c r="O207" s="3" t="s">
        <v>53</v>
      </c>
      <c r="P207" s="3" t="s">
        <v>37</v>
      </c>
      <c r="Q207" s="3" t="s">
        <v>37</v>
      </c>
      <c r="R207" s="3" t="s">
        <v>37</v>
      </c>
      <c r="S207" s="3" t="s">
        <v>37</v>
      </c>
      <c r="T207" s="3" t="s">
        <v>37</v>
      </c>
      <c r="U207" s="3" t="s">
        <v>37</v>
      </c>
      <c r="V207" s="3" t="s">
        <v>37</v>
      </c>
    </row>
    <row r="208" spans="1:22" x14ac:dyDescent="0.25">
      <c r="A208" s="3" t="s">
        <v>22</v>
      </c>
      <c r="B208" s="4" t="s">
        <v>729</v>
      </c>
      <c r="C208" s="3" t="s">
        <v>730</v>
      </c>
      <c r="D208" s="5" t="s">
        <v>70</v>
      </c>
      <c r="E208" s="3" t="s">
        <v>72</v>
      </c>
      <c r="F208" s="3" t="s">
        <v>739</v>
      </c>
      <c r="G208" s="3" t="s">
        <v>740</v>
      </c>
      <c r="H208" s="3" t="s">
        <v>87</v>
      </c>
      <c r="I208" s="3" t="s">
        <v>37</v>
      </c>
      <c r="J208" s="3" t="s">
        <v>422</v>
      </c>
      <c r="K208" s="3" t="s">
        <v>32</v>
      </c>
      <c r="L208" s="3" t="s">
        <v>33</v>
      </c>
      <c r="M208" s="3" t="s">
        <v>68</v>
      </c>
      <c r="N208" s="3" t="s">
        <v>190</v>
      </c>
      <c r="O208" s="3" t="s">
        <v>53</v>
      </c>
      <c r="P208" s="3" t="s">
        <v>54</v>
      </c>
      <c r="Q208" s="3" t="s">
        <v>37</v>
      </c>
      <c r="R208" s="3" t="s">
        <v>39</v>
      </c>
      <c r="S208" s="3" t="s">
        <v>741</v>
      </c>
      <c r="T208" s="3" t="s">
        <v>37</v>
      </c>
      <c r="U208" s="3" t="s">
        <v>37</v>
      </c>
      <c r="V208" s="3" t="s">
        <v>37</v>
      </c>
    </row>
    <row r="209" spans="1:22" x14ac:dyDescent="0.25">
      <c r="A209" s="3" t="s">
        <v>22</v>
      </c>
      <c r="B209" s="4" t="s">
        <v>729</v>
      </c>
      <c r="C209" s="3" t="s">
        <v>730</v>
      </c>
      <c r="D209" s="5" t="s">
        <v>428</v>
      </c>
      <c r="E209" s="3" t="s">
        <v>72</v>
      </c>
      <c r="F209" s="3" t="s">
        <v>742</v>
      </c>
      <c r="G209" s="3" t="s">
        <v>743</v>
      </c>
      <c r="H209" s="3" t="s">
        <v>87</v>
      </c>
      <c r="I209" s="3" t="s">
        <v>37</v>
      </c>
      <c r="J209" s="3" t="s">
        <v>422</v>
      </c>
      <c r="K209" s="3" t="s">
        <v>32</v>
      </c>
      <c r="L209" s="3" t="s">
        <v>33</v>
      </c>
      <c r="M209" s="3" t="s">
        <v>68</v>
      </c>
      <c r="N209" s="3" t="s">
        <v>190</v>
      </c>
      <c r="O209" s="3" t="s">
        <v>53</v>
      </c>
      <c r="P209" s="3" t="s">
        <v>54</v>
      </c>
      <c r="Q209" s="3" t="s">
        <v>37</v>
      </c>
      <c r="R209" s="3" t="s">
        <v>39</v>
      </c>
      <c r="S209" s="3" t="s">
        <v>744</v>
      </c>
      <c r="T209" s="3" t="s">
        <v>37</v>
      </c>
      <c r="U209" s="3" t="s">
        <v>37</v>
      </c>
      <c r="V209" s="3" t="s">
        <v>37</v>
      </c>
    </row>
    <row r="210" spans="1:22" x14ac:dyDescent="0.25">
      <c r="A210" s="3" t="s">
        <v>22</v>
      </c>
      <c r="B210" s="4" t="s">
        <v>729</v>
      </c>
      <c r="C210" s="3" t="s">
        <v>730</v>
      </c>
      <c r="D210" s="5" t="s">
        <v>84</v>
      </c>
      <c r="E210" s="3" t="s">
        <v>433</v>
      </c>
      <c r="F210" s="3" t="s">
        <v>745</v>
      </c>
      <c r="G210" s="3" t="s">
        <v>155</v>
      </c>
      <c r="H210" s="3" t="s">
        <v>29</v>
      </c>
      <c r="I210" s="3" t="s">
        <v>435</v>
      </c>
      <c r="J210" s="3" t="s">
        <v>746</v>
      </c>
      <c r="K210" s="3" t="s">
        <v>32</v>
      </c>
      <c r="L210" s="3" t="s">
        <v>33</v>
      </c>
      <c r="M210" s="3" t="s">
        <v>34</v>
      </c>
      <c r="N210" s="3" t="s">
        <v>77</v>
      </c>
      <c r="O210" s="3" t="s">
        <v>36</v>
      </c>
      <c r="P210" s="3" t="s">
        <v>37</v>
      </c>
      <c r="Q210" s="3" t="s">
        <v>37</v>
      </c>
      <c r="R210" s="3" t="s">
        <v>39</v>
      </c>
      <c r="S210" s="3" t="s">
        <v>747</v>
      </c>
      <c r="T210" s="3" t="s">
        <v>37</v>
      </c>
      <c r="U210" s="3" t="s">
        <v>37</v>
      </c>
      <c r="V210" s="3" t="s">
        <v>37</v>
      </c>
    </row>
    <row r="211" spans="1:22" x14ac:dyDescent="0.25">
      <c r="A211" s="3" t="s">
        <v>22</v>
      </c>
      <c r="B211" s="4" t="s">
        <v>729</v>
      </c>
      <c r="C211" s="3" t="s">
        <v>730</v>
      </c>
      <c r="D211" s="5" t="s">
        <v>90</v>
      </c>
      <c r="E211" s="3" t="s">
        <v>433</v>
      </c>
      <c r="F211" s="3" t="s">
        <v>748</v>
      </c>
      <c r="G211" s="3" t="s">
        <v>162</v>
      </c>
      <c r="H211" s="3" t="s">
        <v>29</v>
      </c>
      <c r="I211" s="3" t="s">
        <v>435</v>
      </c>
      <c r="J211" s="3" t="s">
        <v>749</v>
      </c>
      <c r="K211" s="3" t="s">
        <v>32</v>
      </c>
      <c r="L211" s="3" t="s">
        <v>33</v>
      </c>
      <c r="M211" s="3" t="s">
        <v>34</v>
      </c>
      <c r="N211" s="3" t="s">
        <v>77</v>
      </c>
      <c r="O211" s="3" t="s">
        <v>36</v>
      </c>
      <c r="P211" s="3" t="s">
        <v>37</v>
      </c>
      <c r="Q211" s="3" t="s">
        <v>37</v>
      </c>
      <c r="R211" s="3" t="s">
        <v>39</v>
      </c>
      <c r="S211" s="3" t="s">
        <v>750</v>
      </c>
      <c r="T211" s="3" t="s">
        <v>37</v>
      </c>
      <c r="U211" s="3" t="s">
        <v>37</v>
      </c>
      <c r="V211" s="3" t="s">
        <v>37</v>
      </c>
    </row>
    <row r="212" spans="1:22" x14ac:dyDescent="0.25">
      <c r="A212" s="3" t="s">
        <v>22</v>
      </c>
      <c r="B212" s="4" t="s">
        <v>729</v>
      </c>
      <c r="C212" s="3" t="s">
        <v>730</v>
      </c>
      <c r="D212" s="5" t="s">
        <v>299</v>
      </c>
      <c r="E212" s="3" t="s">
        <v>443</v>
      </c>
      <c r="F212" s="3" t="s">
        <v>751</v>
      </c>
      <c r="G212" s="3" t="s">
        <v>74</v>
      </c>
      <c r="H212" s="3" t="s">
        <v>59</v>
      </c>
      <c r="I212" s="3" t="s">
        <v>37</v>
      </c>
      <c r="J212" s="3" t="s">
        <v>752</v>
      </c>
      <c r="K212" s="3" t="s">
        <v>32</v>
      </c>
      <c r="L212" s="3" t="s">
        <v>33</v>
      </c>
      <c r="M212" s="3" t="s">
        <v>68</v>
      </c>
      <c r="N212" s="3" t="s">
        <v>69</v>
      </c>
      <c r="O212" s="3" t="s">
        <v>446</v>
      </c>
      <c r="P212" s="3" t="s">
        <v>37</v>
      </c>
      <c r="Q212" s="3" t="s">
        <v>37</v>
      </c>
      <c r="R212" s="3" t="s">
        <v>39</v>
      </c>
      <c r="S212" s="3" t="s">
        <v>753</v>
      </c>
      <c r="T212" s="3" t="s">
        <v>37</v>
      </c>
      <c r="U212" s="3" t="s">
        <v>37</v>
      </c>
      <c r="V212" s="3" t="s">
        <v>37</v>
      </c>
    </row>
    <row r="213" spans="1:22" x14ac:dyDescent="0.25">
      <c r="A213" s="3" t="s">
        <v>22</v>
      </c>
      <c r="B213" s="4" t="s">
        <v>729</v>
      </c>
      <c r="C213" s="3" t="s">
        <v>730</v>
      </c>
      <c r="D213" s="5" t="s">
        <v>100</v>
      </c>
      <c r="E213" s="3" t="s">
        <v>443</v>
      </c>
      <c r="F213" s="3" t="s">
        <v>754</v>
      </c>
      <c r="G213" s="3" t="s">
        <v>714</v>
      </c>
      <c r="H213" s="3" t="s">
        <v>59</v>
      </c>
      <c r="I213" s="3" t="s">
        <v>37</v>
      </c>
      <c r="J213" s="3" t="s">
        <v>755</v>
      </c>
      <c r="K213" s="3" t="s">
        <v>32</v>
      </c>
      <c r="L213" s="3" t="s">
        <v>33</v>
      </c>
      <c r="M213" s="3" t="s">
        <v>68</v>
      </c>
      <c r="N213" s="3" t="s">
        <v>69</v>
      </c>
      <c r="O213" s="3" t="s">
        <v>446</v>
      </c>
      <c r="P213" s="3" t="s">
        <v>37</v>
      </c>
      <c r="Q213" s="3" t="s">
        <v>37</v>
      </c>
      <c r="R213" s="3" t="s">
        <v>39</v>
      </c>
      <c r="S213" s="3" t="s">
        <v>756</v>
      </c>
      <c r="T213" s="3" t="s">
        <v>37</v>
      </c>
      <c r="U213" s="3" t="s">
        <v>37</v>
      </c>
      <c r="V213" s="3" t="s">
        <v>37</v>
      </c>
    </row>
    <row r="214" spans="1:22" x14ac:dyDescent="0.25">
      <c r="A214" s="3" t="s">
        <v>22</v>
      </c>
      <c r="B214" s="4" t="s">
        <v>729</v>
      </c>
      <c r="C214" s="3" t="s">
        <v>730</v>
      </c>
      <c r="D214" s="5" t="s">
        <v>303</v>
      </c>
      <c r="E214" s="3" t="s">
        <v>443</v>
      </c>
      <c r="F214" s="3" t="s">
        <v>757</v>
      </c>
      <c r="G214" s="3" t="s">
        <v>81</v>
      </c>
      <c r="H214" s="3" t="s">
        <v>59</v>
      </c>
      <c r="I214" s="3" t="s">
        <v>37</v>
      </c>
      <c r="J214" s="3" t="s">
        <v>758</v>
      </c>
      <c r="K214" s="3" t="s">
        <v>32</v>
      </c>
      <c r="L214" s="3" t="s">
        <v>33</v>
      </c>
      <c r="M214" s="3" t="s">
        <v>68</v>
      </c>
      <c r="N214" s="3" t="s">
        <v>69</v>
      </c>
      <c r="O214" s="3" t="s">
        <v>446</v>
      </c>
      <c r="P214" s="3" t="s">
        <v>37</v>
      </c>
      <c r="Q214" s="3" t="s">
        <v>37</v>
      </c>
      <c r="R214" s="3" t="s">
        <v>39</v>
      </c>
      <c r="S214" s="3" t="s">
        <v>759</v>
      </c>
      <c r="T214" s="3" t="s">
        <v>37</v>
      </c>
      <c r="U214" s="3" t="s">
        <v>37</v>
      </c>
      <c r="V214" s="3" t="s">
        <v>37</v>
      </c>
    </row>
    <row r="215" spans="1:22" x14ac:dyDescent="0.25">
      <c r="A215" s="3" t="s">
        <v>22</v>
      </c>
      <c r="B215" s="4" t="s">
        <v>729</v>
      </c>
      <c r="C215" s="3" t="s">
        <v>730</v>
      </c>
      <c r="D215" s="5" t="s">
        <v>454</v>
      </c>
      <c r="E215" s="3" t="s">
        <v>47</v>
      </c>
      <c r="F215" s="3" t="s">
        <v>491</v>
      </c>
      <c r="G215" s="3" t="s">
        <v>492</v>
      </c>
      <c r="H215" s="3" t="s">
        <v>59</v>
      </c>
      <c r="I215" s="3" t="s">
        <v>50</v>
      </c>
      <c r="J215" s="3" t="s">
        <v>493</v>
      </c>
      <c r="K215" s="3" t="s">
        <v>32</v>
      </c>
      <c r="L215" s="3" t="s">
        <v>33</v>
      </c>
      <c r="M215" s="3" t="s">
        <v>34</v>
      </c>
      <c r="N215" s="3" t="s">
        <v>61</v>
      </c>
      <c r="O215" s="3" t="s">
        <v>53</v>
      </c>
      <c r="P215" s="3" t="s">
        <v>54</v>
      </c>
      <c r="Q215" s="3" t="s">
        <v>37</v>
      </c>
      <c r="R215" s="3" t="s">
        <v>39</v>
      </c>
      <c r="S215" s="3" t="s">
        <v>494</v>
      </c>
      <c r="T215" s="3" t="s">
        <v>37</v>
      </c>
      <c r="U215" s="3" t="s">
        <v>37</v>
      </c>
      <c r="V215" s="3" t="s">
        <v>37</v>
      </c>
    </row>
    <row r="216" spans="1:22" x14ac:dyDescent="0.25">
      <c r="A216" s="3" t="s">
        <v>22</v>
      </c>
      <c r="B216" s="4" t="s">
        <v>729</v>
      </c>
      <c r="C216" s="3" t="s">
        <v>730</v>
      </c>
      <c r="D216" s="5" t="s">
        <v>458</v>
      </c>
      <c r="E216" s="3" t="s">
        <v>47</v>
      </c>
      <c r="F216" s="3" t="s">
        <v>85</v>
      </c>
      <c r="G216" s="3" t="s">
        <v>86</v>
      </c>
      <c r="H216" s="3" t="s">
        <v>87</v>
      </c>
      <c r="I216" s="3" t="s">
        <v>50</v>
      </c>
      <c r="J216" s="3" t="s">
        <v>88</v>
      </c>
      <c r="K216" s="3" t="s">
        <v>32</v>
      </c>
      <c r="L216" s="3" t="s">
        <v>33</v>
      </c>
      <c r="M216" s="3" t="s">
        <v>34</v>
      </c>
      <c r="N216" s="3" t="s">
        <v>69</v>
      </c>
      <c r="O216" s="3" t="s">
        <v>53</v>
      </c>
      <c r="P216" s="3" t="s">
        <v>54</v>
      </c>
      <c r="Q216" s="3" t="s">
        <v>37</v>
      </c>
      <c r="R216" s="3" t="s">
        <v>39</v>
      </c>
      <c r="S216" s="3" t="s">
        <v>89</v>
      </c>
      <c r="T216" s="3" t="s">
        <v>37</v>
      </c>
      <c r="U216" s="3" t="s">
        <v>37</v>
      </c>
      <c r="V216" s="3" t="s">
        <v>37</v>
      </c>
    </row>
    <row r="217" spans="1:22" x14ac:dyDescent="0.25">
      <c r="A217" s="3" t="s">
        <v>22</v>
      </c>
      <c r="B217" s="4" t="s">
        <v>729</v>
      </c>
      <c r="C217" s="3" t="s">
        <v>730</v>
      </c>
      <c r="D217" s="5" t="s">
        <v>462</v>
      </c>
      <c r="E217" s="3" t="s">
        <v>463</v>
      </c>
      <c r="F217" s="3" t="s">
        <v>760</v>
      </c>
      <c r="G217" s="3" t="s">
        <v>176</v>
      </c>
      <c r="H217" s="3" t="s">
        <v>59</v>
      </c>
      <c r="I217" s="3" t="s">
        <v>761</v>
      </c>
      <c r="J217" s="3" t="s">
        <v>762</v>
      </c>
      <c r="K217" s="3" t="s">
        <v>32</v>
      </c>
      <c r="L217" s="3" t="s">
        <v>114</v>
      </c>
      <c r="M217" s="3" t="s">
        <v>68</v>
      </c>
      <c r="N217" s="3" t="s">
        <v>61</v>
      </c>
      <c r="O217" s="3" t="s">
        <v>36</v>
      </c>
      <c r="P217" s="3" t="s">
        <v>37</v>
      </c>
      <c r="Q217" s="3" t="s">
        <v>37</v>
      </c>
      <c r="R217" s="3" t="s">
        <v>39</v>
      </c>
      <c r="S217" s="3" t="s">
        <v>763</v>
      </c>
      <c r="T217" s="3" t="s">
        <v>37</v>
      </c>
      <c r="U217" s="3" t="s">
        <v>37</v>
      </c>
      <c r="V217" s="3" t="s">
        <v>37</v>
      </c>
    </row>
    <row r="218" spans="1:22" x14ac:dyDescent="0.25">
      <c r="A218" s="3" t="s">
        <v>22</v>
      </c>
      <c r="B218" s="4" t="s">
        <v>729</v>
      </c>
      <c r="C218" s="3" t="s">
        <v>730</v>
      </c>
      <c r="D218" s="5" t="s">
        <v>468</v>
      </c>
      <c r="E218" s="3" t="s">
        <v>463</v>
      </c>
      <c r="F218" s="3" t="s">
        <v>764</v>
      </c>
      <c r="G218" s="3" t="s">
        <v>344</v>
      </c>
      <c r="H218" s="3" t="s">
        <v>59</v>
      </c>
      <c r="I218" s="3" t="s">
        <v>765</v>
      </c>
      <c r="J218" s="3" t="s">
        <v>766</v>
      </c>
      <c r="K218" s="3" t="s">
        <v>32</v>
      </c>
      <c r="L218" s="3" t="s">
        <v>114</v>
      </c>
      <c r="M218" s="3" t="s">
        <v>68</v>
      </c>
      <c r="N218" s="3" t="s">
        <v>61</v>
      </c>
      <c r="O218" s="3" t="s">
        <v>36</v>
      </c>
      <c r="P218" s="3" t="s">
        <v>37</v>
      </c>
      <c r="Q218" s="3" t="s">
        <v>37</v>
      </c>
      <c r="R218" s="3" t="s">
        <v>39</v>
      </c>
      <c r="S218" s="3" t="s">
        <v>767</v>
      </c>
      <c r="T218" s="3" t="s">
        <v>37</v>
      </c>
      <c r="U218" s="3" t="s">
        <v>37</v>
      </c>
      <c r="V218" s="3" t="s">
        <v>37</v>
      </c>
    </row>
    <row r="219" spans="1:22" x14ac:dyDescent="0.25">
      <c r="A219" s="3" t="s">
        <v>22</v>
      </c>
      <c r="B219" s="4" t="s">
        <v>729</v>
      </c>
      <c r="C219" s="3" t="s">
        <v>730</v>
      </c>
      <c r="D219" s="5" t="s">
        <v>473</v>
      </c>
      <c r="E219" s="3" t="s">
        <v>47</v>
      </c>
      <c r="F219" s="3" t="s">
        <v>205</v>
      </c>
      <c r="G219" s="3" t="s">
        <v>206</v>
      </c>
      <c r="H219" s="3" t="s">
        <v>59</v>
      </c>
      <c r="I219" s="3" t="s">
        <v>50</v>
      </c>
      <c r="J219" s="3" t="s">
        <v>207</v>
      </c>
      <c r="K219" s="3" t="s">
        <v>32</v>
      </c>
      <c r="L219" s="3" t="s">
        <v>37</v>
      </c>
      <c r="M219" s="3" t="s">
        <v>34</v>
      </c>
      <c r="N219" s="3" t="s">
        <v>61</v>
      </c>
      <c r="O219" s="3" t="s">
        <v>53</v>
      </c>
      <c r="P219" s="3" t="s">
        <v>54</v>
      </c>
      <c r="Q219" s="3" t="s">
        <v>37</v>
      </c>
      <c r="R219" s="3" t="s">
        <v>39</v>
      </c>
      <c r="S219" s="3" t="s">
        <v>208</v>
      </c>
      <c r="T219" s="3" t="s">
        <v>37</v>
      </c>
      <c r="U219" s="3" t="s">
        <v>37</v>
      </c>
      <c r="V219" s="3" t="s">
        <v>37</v>
      </c>
    </row>
    <row r="220" spans="1:22" x14ac:dyDescent="0.25">
      <c r="A220" s="3" t="s">
        <v>22</v>
      </c>
      <c r="B220" s="4" t="s">
        <v>729</v>
      </c>
      <c r="C220" s="3" t="s">
        <v>730</v>
      </c>
      <c r="D220" s="5" t="s">
        <v>474</v>
      </c>
      <c r="E220" s="3" t="s">
        <v>47</v>
      </c>
      <c r="F220" s="3" t="s">
        <v>210</v>
      </c>
      <c r="G220" s="3" t="s">
        <v>211</v>
      </c>
      <c r="H220" s="3" t="s">
        <v>59</v>
      </c>
      <c r="I220" s="3" t="s">
        <v>50</v>
      </c>
      <c r="J220" s="3" t="s">
        <v>212</v>
      </c>
      <c r="K220" s="3" t="s">
        <v>32</v>
      </c>
      <c r="L220" s="3" t="s">
        <v>33</v>
      </c>
      <c r="M220" s="3" t="s">
        <v>34</v>
      </c>
      <c r="N220" s="3" t="s">
        <v>61</v>
      </c>
      <c r="O220" s="3" t="s">
        <v>53</v>
      </c>
      <c r="P220" s="3" t="s">
        <v>54</v>
      </c>
      <c r="Q220" s="3" t="s">
        <v>37</v>
      </c>
      <c r="R220" s="3" t="s">
        <v>39</v>
      </c>
      <c r="S220" s="3" t="s">
        <v>213</v>
      </c>
      <c r="T220" s="3" t="s">
        <v>37</v>
      </c>
      <c r="U220" s="3" t="s">
        <v>37</v>
      </c>
      <c r="V220" s="3" t="s">
        <v>37</v>
      </c>
    </row>
    <row r="221" spans="1:22" x14ac:dyDescent="0.25">
      <c r="A221" s="3" t="s">
        <v>22</v>
      </c>
      <c r="B221" s="4" t="s">
        <v>729</v>
      </c>
      <c r="C221" s="3" t="s">
        <v>730</v>
      </c>
      <c r="D221" s="5" t="s">
        <v>137</v>
      </c>
      <c r="E221" s="3" t="s">
        <v>153</v>
      </c>
      <c r="F221" s="3" t="s">
        <v>768</v>
      </c>
      <c r="G221" s="3" t="s">
        <v>189</v>
      </c>
      <c r="H221" s="3" t="s">
        <v>59</v>
      </c>
      <c r="I221" s="3" t="s">
        <v>37</v>
      </c>
      <c r="J221" s="3" t="s">
        <v>769</v>
      </c>
      <c r="K221" s="3" t="s">
        <v>32</v>
      </c>
      <c r="L221" s="3" t="s">
        <v>33</v>
      </c>
      <c r="M221" s="3" t="s">
        <v>34</v>
      </c>
      <c r="N221" s="3" t="s">
        <v>190</v>
      </c>
      <c r="O221" s="3" t="s">
        <v>53</v>
      </c>
      <c r="P221" s="3" t="s">
        <v>37</v>
      </c>
      <c r="Q221" s="3" t="s">
        <v>37</v>
      </c>
      <c r="R221" s="3" t="s">
        <v>39</v>
      </c>
      <c r="S221" s="3" t="s">
        <v>770</v>
      </c>
      <c r="T221" s="3" t="s">
        <v>37</v>
      </c>
      <c r="U221" s="3" t="s">
        <v>37</v>
      </c>
      <c r="V221" s="3" t="s">
        <v>37</v>
      </c>
    </row>
    <row r="222" spans="1:22" x14ac:dyDescent="0.25">
      <c r="A222" s="3" t="s">
        <v>22</v>
      </c>
      <c r="B222" s="4" t="s">
        <v>729</v>
      </c>
      <c r="C222" s="3" t="s">
        <v>730</v>
      </c>
      <c r="D222" s="5" t="s">
        <v>150</v>
      </c>
      <c r="E222" s="3" t="s">
        <v>479</v>
      </c>
      <c r="F222" s="3" t="s">
        <v>771</v>
      </c>
      <c r="G222" s="3" t="s">
        <v>517</v>
      </c>
      <c r="H222" s="3" t="s">
        <v>87</v>
      </c>
      <c r="I222" s="3" t="s">
        <v>772</v>
      </c>
      <c r="J222" s="3" t="s">
        <v>773</v>
      </c>
      <c r="K222" s="3" t="s">
        <v>32</v>
      </c>
      <c r="L222" s="3" t="s">
        <v>33</v>
      </c>
      <c r="M222" s="3" t="s">
        <v>68</v>
      </c>
      <c r="N222" s="3" t="s">
        <v>484</v>
      </c>
      <c r="O222" s="3" t="s">
        <v>53</v>
      </c>
      <c r="P222" s="3" t="s">
        <v>37</v>
      </c>
      <c r="Q222" s="3" t="s">
        <v>37</v>
      </c>
      <c r="R222" s="3" t="s">
        <v>39</v>
      </c>
      <c r="S222" s="3" t="s">
        <v>774</v>
      </c>
      <c r="T222" s="3" t="s">
        <v>37</v>
      </c>
      <c r="U222" s="3" t="s">
        <v>37</v>
      </c>
      <c r="V222" s="3" t="s">
        <v>37</v>
      </c>
    </row>
    <row r="223" spans="1:22" x14ac:dyDescent="0.25">
      <c r="A223" s="3" t="s">
        <v>22</v>
      </c>
      <c r="B223" s="4" t="s">
        <v>729</v>
      </c>
      <c r="C223" s="3" t="s">
        <v>730</v>
      </c>
      <c r="D223" s="5" t="s">
        <v>160</v>
      </c>
      <c r="E223" s="3" t="s">
        <v>479</v>
      </c>
      <c r="F223" s="3" t="s">
        <v>775</v>
      </c>
      <c r="G223" s="3" t="s">
        <v>425</v>
      </c>
      <c r="H223" s="3" t="s">
        <v>87</v>
      </c>
      <c r="I223" s="3" t="s">
        <v>776</v>
      </c>
      <c r="J223" s="3" t="s">
        <v>777</v>
      </c>
      <c r="K223" s="3" t="s">
        <v>32</v>
      </c>
      <c r="L223" s="3" t="s">
        <v>33</v>
      </c>
      <c r="M223" s="3" t="s">
        <v>68</v>
      </c>
      <c r="N223" s="3" t="s">
        <v>484</v>
      </c>
      <c r="O223" s="3" t="s">
        <v>53</v>
      </c>
      <c r="P223" s="3" t="s">
        <v>37</v>
      </c>
      <c r="Q223" s="3" t="s">
        <v>37</v>
      </c>
      <c r="R223" s="3" t="s">
        <v>39</v>
      </c>
      <c r="S223" s="3" t="s">
        <v>778</v>
      </c>
      <c r="T223" s="3" t="s">
        <v>37</v>
      </c>
      <c r="U223" s="3" t="s">
        <v>37</v>
      </c>
      <c r="V223" s="3" t="s">
        <v>37</v>
      </c>
    </row>
    <row r="224" spans="1:22" x14ac:dyDescent="0.25">
      <c r="A224" s="3" t="s">
        <v>22</v>
      </c>
      <c r="B224" s="4" t="s">
        <v>729</v>
      </c>
      <c r="C224" s="3" t="s">
        <v>730</v>
      </c>
      <c r="D224" s="5" t="s">
        <v>169</v>
      </c>
      <c r="E224" s="3" t="s">
        <v>47</v>
      </c>
      <c r="F224" s="3" t="s">
        <v>779</v>
      </c>
      <c r="G224" s="3" t="s">
        <v>81</v>
      </c>
      <c r="H224" s="3" t="s">
        <v>59</v>
      </c>
      <c r="I224" s="3" t="s">
        <v>50</v>
      </c>
      <c r="J224" s="3" t="s">
        <v>780</v>
      </c>
      <c r="K224" s="3" t="s">
        <v>32</v>
      </c>
      <c r="L224" s="3" t="s">
        <v>33</v>
      </c>
      <c r="M224" s="3" t="s">
        <v>34</v>
      </c>
      <c r="N224" s="3" t="s">
        <v>61</v>
      </c>
      <c r="O224" s="3" t="s">
        <v>53</v>
      </c>
      <c r="P224" s="3" t="s">
        <v>54</v>
      </c>
      <c r="Q224" s="3" t="s">
        <v>37</v>
      </c>
      <c r="R224" s="3" t="s">
        <v>39</v>
      </c>
      <c r="S224" s="3" t="s">
        <v>781</v>
      </c>
      <c r="T224" s="3" t="s">
        <v>37</v>
      </c>
      <c r="U224" s="3" t="s">
        <v>37</v>
      </c>
      <c r="V224" s="3" t="s">
        <v>37</v>
      </c>
    </row>
    <row r="225" spans="1:22" x14ac:dyDescent="0.25">
      <c r="A225" s="3" t="s">
        <v>22</v>
      </c>
      <c r="B225" s="4" t="s">
        <v>729</v>
      </c>
      <c r="C225" s="3" t="s">
        <v>730</v>
      </c>
      <c r="D225" s="5" t="s">
        <v>174</v>
      </c>
      <c r="E225" s="3" t="s">
        <v>47</v>
      </c>
      <c r="F225" s="3" t="s">
        <v>782</v>
      </c>
      <c r="G225" s="3" t="s">
        <v>706</v>
      </c>
      <c r="H225" s="3" t="s">
        <v>59</v>
      </c>
      <c r="I225" s="3" t="s">
        <v>50</v>
      </c>
      <c r="J225" s="3" t="s">
        <v>783</v>
      </c>
      <c r="K225" s="3" t="s">
        <v>32</v>
      </c>
      <c r="L225" s="3" t="s">
        <v>33</v>
      </c>
      <c r="M225" s="3" t="s">
        <v>34</v>
      </c>
      <c r="N225" s="3" t="s">
        <v>61</v>
      </c>
      <c r="O225" s="3" t="s">
        <v>53</v>
      </c>
      <c r="P225" s="3" t="s">
        <v>54</v>
      </c>
      <c r="Q225" s="3" t="s">
        <v>37</v>
      </c>
      <c r="R225" s="3" t="s">
        <v>39</v>
      </c>
      <c r="S225" s="3" t="s">
        <v>784</v>
      </c>
      <c r="T225" s="3" t="s">
        <v>37</v>
      </c>
      <c r="U225" s="3" t="s">
        <v>37</v>
      </c>
      <c r="V225" s="3" t="s">
        <v>37</v>
      </c>
    </row>
    <row r="226" spans="1:22" x14ac:dyDescent="0.25">
      <c r="A226" s="3" t="s">
        <v>22</v>
      </c>
      <c r="B226" s="4" t="s">
        <v>729</v>
      </c>
      <c r="C226" s="3" t="s">
        <v>730</v>
      </c>
      <c r="D226" s="5" t="s">
        <v>179</v>
      </c>
      <c r="E226" s="3" t="s">
        <v>495</v>
      </c>
      <c r="F226" s="3" t="s">
        <v>785</v>
      </c>
      <c r="G226" s="3" t="s">
        <v>714</v>
      </c>
      <c r="H226" s="3" t="s">
        <v>59</v>
      </c>
      <c r="I226" s="3" t="s">
        <v>37</v>
      </c>
      <c r="J226" s="3" t="s">
        <v>786</v>
      </c>
      <c r="K226" s="3" t="s">
        <v>32</v>
      </c>
      <c r="L226" s="3" t="s">
        <v>33</v>
      </c>
      <c r="M226" s="3" t="s">
        <v>68</v>
      </c>
      <c r="N226" s="3" t="s">
        <v>190</v>
      </c>
      <c r="O226" s="3" t="s">
        <v>53</v>
      </c>
      <c r="P226" s="3" t="s">
        <v>37</v>
      </c>
      <c r="Q226" s="3" t="s">
        <v>37</v>
      </c>
      <c r="R226" s="3" t="s">
        <v>39</v>
      </c>
      <c r="S226" s="3" t="s">
        <v>787</v>
      </c>
      <c r="T226" s="3" t="s">
        <v>127</v>
      </c>
      <c r="U226" s="3" t="s">
        <v>37</v>
      </c>
      <c r="V226" s="3" t="s">
        <v>37</v>
      </c>
    </row>
    <row r="227" spans="1:22" x14ac:dyDescent="0.25">
      <c r="A227" s="3" t="s">
        <v>22</v>
      </c>
      <c r="B227" s="4" t="s">
        <v>729</v>
      </c>
      <c r="C227" s="3" t="s">
        <v>730</v>
      </c>
      <c r="D227" s="5" t="s">
        <v>354</v>
      </c>
      <c r="E227" s="3" t="s">
        <v>495</v>
      </c>
      <c r="F227" s="3" t="s">
        <v>788</v>
      </c>
      <c r="G227" s="3" t="s">
        <v>592</v>
      </c>
      <c r="H227" s="3" t="s">
        <v>59</v>
      </c>
      <c r="I227" s="3" t="s">
        <v>37</v>
      </c>
      <c r="J227" s="3" t="s">
        <v>789</v>
      </c>
      <c r="K227" s="3" t="s">
        <v>32</v>
      </c>
      <c r="L227" s="3" t="s">
        <v>33</v>
      </c>
      <c r="M227" s="3" t="s">
        <v>68</v>
      </c>
      <c r="N227" s="3" t="s">
        <v>190</v>
      </c>
      <c r="O227" s="3" t="s">
        <v>53</v>
      </c>
      <c r="P227" s="3" t="s">
        <v>37</v>
      </c>
      <c r="Q227" s="3" t="s">
        <v>37</v>
      </c>
      <c r="R227" s="3" t="s">
        <v>39</v>
      </c>
      <c r="S227" s="3" t="s">
        <v>790</v>
      </c>
      <c r="T227" s="3"/>
      <c r="U227" s="3" t="s">
        <v>37</v>
      </c>
      <c r="V227" s="3" t="s">
        <v>37</v>
      </c>
    </row>
    <row r="228" spans="1:22" x14ac:dyDescent="0.25">
      <c r="A228" s="3" t="s">
        <v>22</v>
      </c>
      <c r="B228" s="4" t="s">
        <v>729</v>
      </c>
      <c r="C228" s="3" t="s">
        <v>730</v>
      </c>
      <c r="D228" s="5" t="s">
        <v>186</v>
      </c>
      <c r="E228" s="3" t="s">
        <v>47</v>
      </c>
      <c r="F228" s="3" t="s">
        <v>603</v>
      </c>
      <c r="G228" s="3" t="s">
        <v>384</v>
      </c>
      <c r="H228" s="3" t="s">
        <v>29</v>
      </c>
      <c r="I228" s="3" t="s">
        <v>50</v>
      </c>
      <c r="J228" s="3" t="s">
        <v>604</v>
      </c>
      <c r="K228" s="3" t="s">
        <v>32</v>
      </c>
      <c r="L228" s="3" t="s">
        <v>33</v>
      </c>
      <c r="M228" s="3" t="s">
        <v>34</v>
      </c>
      <c r="N228" s="3" t="s">
        <v>52</v>
      </c>
      <c r="O228" s="3" t="s">
        <v>53</v>
      </c>
      <c r="P228" s="3" t="s">
        <v>54</v>
      </c>
      <c r="Q228" s="3" t="s">
        <v>38</v>
      </c>
      <c r="R228" s="3" t="s">
        <v>39</v>
      </c>
      <c r="S228" s="3" t="s">
        <v>605</v>
      </c>
      <c r="T228" s="3"/>
      <c r="U228" s="3" t="s">
        <v>37</v>
      </c>
      <c r="V228" s="3" t="s">
        <v>37</v>
      </c>
    </row>
    <row r="229" spans="1:22" x14ac:dyDescent="0.25">
      <c r="A229" s="3" t="s">
        <v>22</v>
      </c>
      <c r="B229" s="4" t="s">
        <v>729</v>
      </c>
      <c r="C229" s="3" t="s">
        <v>730</v>
      </c>
      <c r="D229" s="5" t="s">
        <v>192</v>
      </c>
      <c r="E229" s="3" t="s">
        <v>47</v>
      </c>
      <c r="F229" s="3" t="s">
        <v>606</v>
      </c>
      <c r="G229" s="3" t="s">
        <v>269</v>
      </c>
      <c r="H229" s="3" t="s">
        <v>29</v>
      </c>
      <c r="I229" s="3" t="s">
        <v>50</v>
      </c>
      <c r="J229" s="3" t="s">
        <v>607</v>
      </c>
      <c r="K229" s="3" t="s">
        <v>32</v>
      </c>
      <c r="L229" s="3" t="s">
        <v>33</v>
      </c>
      <c r="M229" s="3" t="s">
        <v>34</v>
      </c>
      <c r="N229" s="3" t="s">
        <v>52</v>
      </c>
      <c r="O229" s="3" t="s">
        <v>53</v>
      </c>
      <c r="P229" s="3" t="s">
        <v>54</v>
      </c>
      <c r="Q229" s="3" t="s">
        <v>38</v>
      </c>
      <c r="R229" s="3" t="s">
        <v>39</v>
      </c>
      <c r="S229" s="3" t="s">
        <v>608</v>
      </c>
      <c r="T229" s="3"/>
      <c r="U229" s="3" t="s">
        <v>37</v>
      </c>
      <c r="V229" s="3" t="s">
        <v>37</v>
      </c>
    </row>
    <row r="230" spans="1:22" x14ac:dyDescent="0.25">
      <c r="A230" s="3" t="s">
        <v>22</v>
      </c>
      <c r="B230" s="4" t="s">
        <v>729</v>
      </c>
      <c r="C230" s="3" t="s">
        <v>730</v>
      </c>
      <c r="D230" s="5" t="s">
        <v>196</v>
      </c>
      <c r="E230" s="3" t="s">
        <v>47</v>
      </c>
      <c r="F230" s="3" t="s">
        <v>791</v>
      </c>
      <c r="G230" s="3" t="s">
        <v>43</v>
      </c>
      <c r="H230" s="3" t="s">
        <v>29</v>
      </c>
      <c r="I230" s="3" t="s">
        <v>50</v>
      </c>
      <c r="J230" s="3" t="s">
        <v>792</v>
      </c>
      <c r="K230" s="3" t="s">
        <v>32</v>
      </c>
      <c r="L230" s="3" t="s">
        <v>33</v>
      </c>
      <c r="M230" s="3" t="s">
        <v>34</v>
      </c>
      <c r="N230" s="3" t="s">
        <v>52</v>
      </c>
      <c r="O230" s="3" t="s">
        <v>53</v>
      </c>
      <c r="P230" s="3" t="s">
        <v>54</v>
      </c>
      <c r="Q230" s="3" t="s">
        <v>38</v>
      </c>
      <c r="R230" s="3" t="s">
        <v>39</v>
      </c>
      <c r="S230" s="3" t="s">
        <v>793</v>
      </c>
      <c r="T230" s="3"/>
      <c r="U230" s="3" t="s">
        <v>37</v>
      </c>
      <c r="V230" s="3" t="s">
        <v>37</v>
      </c>
    </row>
    <row r="231" spans="1:22" x14ac:dyDescent="0.25">
      <c r="A231" s="3" t="s">
        <v>22</v>
      </c>
      <c r="B231" s="4" t="s">
        <v>729</v>
      </c>
      <c r="C231" s="3" t="s">
        <v>730</v>
      </c>
      <c r="D231" s="5" t="s">
        <v>199</v>
      </c>
      <c r="E231" s="3" t="s">
        <v>72</v>
      </c>
      <c r="F231" s="3" t="s">
        <v>574</v>
      </c>
      <c r="G231" s="3" t="s">
        <v>575</v>
      </c>
      <c r="H231" s="3" t="s">
        <v>87</v>
      </c>
      <c r="I231" s="3" t="s">
        <v>37</v>
      </c>
      <c r="J231" s="3" t="s">
        <v>422</v>
      </c>
      <c r="K231" s="3" t="s">
        <v>32</v>
      </c>
      <c r="L231" s="3" t="s">
        <v>33</v>
      </c>
      <c r="M231" s="3" t="s">
        <v>68</v>
      </c>
      <c r="N231" s="3" t="s">
        <v>190</v>
      </c>
      <c r="O231" s="3" t="s">
        <v>53</v>
      </c>
      <c r="P231" s="3" t="s">
        <v>54</v>
      </c>
      <c r="Q231" s="3" t="s">
        <v>37</v>
      </c>
      <c r="R231" s="3" t="s">
        <v>39</v>
      </c>
      <c r="S231" s="3" t="s">
        <v>576</v>
      </c>
      <c r="T231" s="3"/>
      <c r="U231" s="3" t="s">
        <v>37</v>
      </c>
      <c r="V231" s="3" t="s">
        <v>37</v>
      </c>
    </row>
    <row r="232" spans="1:22" x14ac:dyDescent="0.25">
      <c r="A232" s="3" t="s">
        <v>22</v>
      </c>
      <c r="B232" s="4" t="s">
        <v>729</v>
      </c>
      <c r="C232" s="3" t="s">
        <v>730</v>
      </c>
      <c r="D232" s="5" t="s">
        <v>204</v>
      </c>
      <c r="E232" s="3" t="s">
        <v>72</v>
      </c>
      <c r="F232" s="3" t="s">
        <v>794</v>
      </c>
      <c r="G232" s="3" t="s">
        <v>795</v>
      </c>
      <c r="H232" s="3" t="s">
        <v>87</v>
      </c>
      <c r="I232" s="3" t="s">
        <v>37</v>
      </c>
      <c r="J232" s="3" t="s">
        <v>422</v>
      </c>
      <c r="K232" s="3" t="s">
        <v>32</v>
      </c>
      <c r="L232" s="3" t="s">
        <v>33</v>
      </c>
      <c r="M232" s="3" t="s">
        <v>68</v>
      </c>
      <c r="N232" s="3" t="s">
        <v>190</v>
      </c>
      <c r="O232" s="3" t="s">
        <v>53</v>
      </c>
      <c r="P232" s="3" t="s">
        <v>54</v>
      </c>
      <c r="Q232" s="3" t="s">
        <v>37</v>
      </c>
      <c r="R232" s="3" t="s">
        <v>39</v>
      </c>
      <c r="S232" s="3" t="s">
        <v>796</v>
      </c>
      <c r="T232" s="3"/>
      <c r="U232" s="3" t="s">
        <v>37</v>
      </c>
      <c r="V232" s="3" t="s">
        <v>37</v>
      </c>
    </row>
    <row r="233" spans="1:22" x14ac:dyDescent="0.25">
      <c r="A233" s="3" t="s">
        <v>22</v>
      </c>
      <c r="B233" s="4" t="s">
        <v>729</v>
      </c>
      <c r="C233" s="3" t="s">
        <v>730</v>
      </c>
      <c r="D233" s="5" t="s">
        <v>520</v>
      </c>
      <c r="E233" s="3" t="s">
        <v>521</v>
      </c>
      <c r="F233" s="3" t="s">
        <v>797</v>
      </c>
      <c r="G233" s="3" t="s">
        <v>798</v>
      </c>
      <c r="H233" s="3" t="s">
        <v>59</v>
      </c>
      <c r="I233" s="3" t="s">
        <v>523</v>
      </c>
      <c r="J233" s="3" t="s">
        <v>799</v>
      </c>
      <c r="K233" s="3" t="s">
        <v>32</v>
      </c>
      <c r="L233" s="3" t="s">
        <v>37</v>
      </c>
      <c r="M233" s="3" t="s">
        <v>34</v>
      </c>
      <c r="N233" s="3" t="s">
        <v>77</v>
      </c>
      <c r="O233" s="3" t="s">
        <v>223</v>
      </c>
      <c r="P233" s="3" t="s">
        <v>37</v>
      </c>
      <c r="Q233" s="3" t="s">
        <v>37</v>
      </c>
      <c r="R233" s="3" t="s">
        <v>39</v>
      </c>
      <c r="S233" s="3" t="s">
        <v>800</v>
      </c>
      <c r="T233" s="3"/>
      <c r="U233" s="3" t="s">
        <v>37</v>
      </c>
      <c r="V233" s="3" t="s">
        <v>37</v>
      </c>
    </row>
    <row r="234" spans="1:22" x14ac:dyDescent="0.25">
      <c r="A234" s="3" t="s">
        <v>22</v>
      </c>
      <c r="B234" s="4" t="s">
        <v>729</v>
      </c>
      <c r="C234" s="3" t="s">
        <v>730</v>
      </c>
      <c r="D234" s="5" t="s">
        <v>526</v>
      </c>
      <c r="E234" s="3" t="s">
        <v>521</v>
      </c>
      <c r="F234" s="3" t="s">
        <v>801</v>
      </c>
      <c r="G234" s="3" t="s">
        <v>546</v>
      </c>
      <c r="H234" s="3" t="s">
        <v>59</v>
      </c>
      <c r="I234" s="3" t="s">
        <v>523</v>
      </c>
      <c r="J234" s="3" t="s">
        <v>802</v>
      </c>
      <c r="K234" s="3" t="s">
        <v>32</v>
      </c>
      <c r="L234" s="3" t="s">
        <v>37</v>
      </c>
      <c r="M234" s="3" t="s">
        <v>34</v>
      </c>
      <c r="N234" s="3" t="s">
        <v>77</v>
      </c>
      <c r="O234" s="3" t="s">
        <v>223</v>
      </c>
      <c r="P234" s="3" t="s">
        <v>37</v>
      </c>
      <c r="Q234" s="3" t="s">
        <v>37</v>
      </c>
      <c r="R234" s="3" t="s">
        <v>39</v>
      </c>
      <c r="S234" s="3" t="s">
        <v>803</v>
      </c>
      <c r="T234" s="3"/>
      <c r="U234" s="3" t="s">
        <v>37</v>
      </c>
      <c r="V234" s="3" t="s">
        <v>37</v>
      </c>
    </row>
    <row r="235" spans="1:22" x14ac:dyDescent="0.25">
      <c r="A235" s="3" t="s">
        <v>22</v>
      </c>
      <c r="B235" s="4" t="s">
        <v>729</v>
      </c>
      <c r="C235" s="3" t="s">
        <v>730</v>
      </c>
      <c r="D235" s="5" t="s">
        <v>219</v>
      </c>
      <c r="E235" s="3" t="s">
        <v>463</v>
      </c>
      <c r="F235" s="3" t="s">
        <v>804</v>
      </c>
      <c r="G235" s="3" t="s">
        <v>81</v>
      </c>
      <c r="H235" s="3" t="s">
        <v>87</v>
      </c>
      <c r="I235" s="3" t="s">
        <v>805</v>
      </c>
      <c r="J235" s="3" t="s">
        <v>806</v>
      </c>
      <c r="K235" s="3" t="s">
        <v>32</v>
      </c>
      <c r="L235" s="3" t="s">
        <v>114</v>
      </c>
      <c r="M235" s="3" t="s">
        <v>68</v>
      </c>
      <c r="N235" s="3" t="s">
        <v>69</v>
      </c>
      <c r="O235" s="3" t="s">
        <v>36</v>
      </c>
      <c r="P235" s="3" t="s">
        <v>54</v>
      </c>
      <c r="Q235" s="3" t="s">
        <v>37</v>
      </c>
      <c r="R235" s="3" t="s">
        <v>39</v>
      </c>
      <c r="S235" s="3" t="s">
        <v>807</v>
      </c>
      <c r="T235" s="3"/>
      <c r="U235" s="3" t="s">
        <v>37</v>
      </c>
      <c r="V235" s="3" t="s">
        <v>37</v>
      </c>
    </row>
    <row r="236" spans="1:22" x14ac:dyDescent="0.25">
      <c r="A236" s="3" t="s">
        <v>22</v>
      </c>
      <c r="B236" s="4" t="s">
        <v>729</v>
      </c>
      <c r="C236" s="3" t="s">
        <v>730</v>
      </c>
      <c r="D236" s="5" t="s">
        <v>225</v>
      </c>
      <c r="E236" s="3" t="s">
        <v>463</v>
      </c>
      <c r="F236" s="3" t="s">
        <v>808</v>
      </c>
      <c r="G236" s="3" t="s">
        <v>706</v>
      </c>
      <c r="H236" s="3" t="s">
        <v>87</v>
      </c>
      <c r="I236" s="3" t="s">
        <v>809</v>
      </c>
      <c r="J236" s="3" t="s">
        <v>810</v>
      </c>
      <c r="K236" s="3" t="s">
        <v>32</v>
      </c>
      <c r="L236" s="3" t="s">
        <v>114</v>
      </c>
      <c r="M236" s="3" t="s">
        <v>68</v>
      </c>
      <c r="N236" s="3" t="s">
        <v>69</v>
      </c>
      <c r="O236" s="3" t="s">
        <v>53</v>
      </c>
      <c r="P236" s="3" t="s">
        <v>54</v>
      </c>
      <c r="Q236" s="3" t="s">
        <v>37</v>
      </c>
      <c r="R236" s="3" t="s">
        <v>39</v>
      </c>
      <c r="S236" s="3" t="s">
        <v>811</v>
      </c>
      <c r="T236" s="3"/>
      <c r="U236" s="3" t="s">
        <v>37</v>
      </c>
      <c r="V236" s="3" t="s">
        <v>37</v>
      </c>
    </row>
    <row r="237" spans="1:22" x14ac:dyDescent="0.25">
      <c r="A237" s="3" t="s">
        <v>22</v>
      </c>
      <c r="B237" s="4" t="s">
        <v>729</v>
      </c>
      <c r="C237" s="3" t="s">
        <v>730</v>
      </c>
      <c r="D237" s="5" t="s">
        <v>230</v>
      </c>
      <c r="E237" s="3" t="s">
        <v>187</v>
      </c>
      <c r="F237" s="3" t="s">
        <v>812</v>
      </c>
      <c r="G237" s="3" t="s">
        <v>227</v>
      </c>
      <c r="H237" s="3" t="s">
        <v>29</v>
      </c>
      <c r="I237" s="3" t="s">
        <v>37</v>
      </c>
      <c r="J237" s="3" t="s">
        <v>813</v>
      </c>
      <c r="K237" s="3" t="s">
        <v>32</v>
      </c>
      <c r="L237" s="3" t="s">
        <v>114</v>
      </c>
      <c r="M237" s="3" t="s">
        <v>68</v>
      </c>
      <c r="N237" s="3" t="s">
        <v>69</v>
      </c>
      <c r="O237" s="3" t="s">
        <v>36</v>
      </c>
      <c r="P237" s="3" t="s">
        <v>54</v>
      </c>
      <c r="Q237" s="3" t="s">
        <v>37</v>
      </c>
      <c r="R237" s="3" t="s">
        <v>39</v>
      </c>
      <c r="S237" s="3" t="s">
        <v>814</v>
      </c>
      <c r="T237" s="3"/>
      <c r="U237" s="3" t="s">
        <v>37</v>
      </c>
      <c r="V237" s="3" t="s">
        <v>37</v>
      </c>
    </row>
    <row r="238" spans="1:22" x14ac:dyDescent="0.25">
      <c r="A238" s="3" t="s">
        <v>22</v>
      </c>
      <c r="B238" s="4" t="s">
        <v>729</v>
      </c>
      <c r="C238" s="3" t="s">
        <v>730</v>
      </c>
      <c r="D238" s="5" t="s">
        <v>235</v>
      </c>
      <c r="E238" s="3" t="s">
        <v>187</v>
      </c>
      <c r="F238" s="3" t="s">
        <v>815</v>
      </c>
      <c r="G238" s="3" t="s">
        <v>269</v>
      </c>
      <c r="H238" s="3" t="s">
        <v>29</v>
      </c>
      <c r="I238" s="3" t="s">
        <v>37</v>
      </c>
      <c r="J238" s="3" t="s">
        <v>816</v>
      </c>
      <c r="K238" s="3" t="s">
        <v>32</v>
      </c>
      <c r="L238" s="3" t="s">
        <v>114</v>
      </c>
      <c r="M238" s="3" t="s">
        <v>68</v>
      </c>
      <c r="N238" s="3" t="s">
        <v>69</v>
      </c>
      <c r="O238" s="3" t="s">
        <v>53</v>
      </c>
      <c r="P238" s="3" t="s">
        <v>54</v>
      </c>
      <c r="Q238" s="3" t="s">
        <v>37</v>
      </c>
      <c r="R238" s="3" t="s">
        <v>39</v>
      </c>
      <c r="S238" s="3" t="s">
        <v>817</v>
      </c>
      <c r="T238" s="3"/>
      <c r="U238" s="3" t="s">
        <v>37</v>
      </c>
      <c r="V238" s="3" t="s">
        <v>37</v>
      </c>
    </row>
    <row r="239" spans="1:22" x14ac:dyDescent="0.25">
      <c r="A239" s="3" t="s">
        <v>22</v>
      </c>
      <c r="B239" s="4" t="s">
        <v>729</v>
      </c>
      <c r="C239" s="3" t="s">
        <v>730</v>
      </c>
      <c r="D239" s="5" t="s">
        <v>239</v>
      </c>
      <c r="E239" s="3" t="s">
        <v>544</v>
      </c>
      <c r="F239" s="3" t="s">
        <v>818</v>
      </c>
      <c r="G239" s="3" t="s">
        <v>92</v>
      </c>
      <c r="H239" s="3" t="s">
        <v>29</v>
      </c>
      <c r="I239" s="3" t="s">
        <v>819</v>
      </c>
      <c r="J239" s="3" t="s">
        <v>820</v>
      </c>
      <c r="K239" s="3" t="s">
        <v>32</v>
      </c>
      <c r="L239" s="3" t="s">
        <v>114</v>
      </c>
      <c r="M239" s="3" t="s">
        <v>549</v>
      </c>
      <c r="N239" s="3" t="s">
        <v>550</v>
      </c>
      <c r="O239" s="3" t="s">
        <v>727</v>
      </c>
      <c r="P239" s="3" t="s">
        <v>54</v>
      </c>
      <c r="Q239" s="3" t="s">
        <v>38</v>
      </c>
      <c r="R239" s="3" t="s">
        <v>39</v>
      </c>
      <c r="S239" s="3" t="s">
        <v>821</v>
      </c>
      <c r="T239" s="3"/>
      <c r="U239" s="3" t="s">
        <v>37</v>
      </c>
      <c r="V239" s="3" t="s">
        <v>37</v>
      </c>
    </row>
    <row r="240" spans="1:22" x14ac:dyDescent="0.25">
      <c r="A240" s="3"/>
      <c r="B240" s="4"/>
      <c r="C240" s="3"/>
      <c r="D240" s="5"/>
      <c r="E240" s="6" t="s">
        <v>250</v>
      </c>
      <c r="F240" s="3"/>
      <c r="G240" s="3"/>
      <c r="H240" s="3"/>
      <c r="I240" s="3"/>
      <c r="J240" s="3"/>
      <c r="K240" s="3"/>
      <c r="L240" s="3"/>
      <c r="M240" s="3"/>
      <c r="N240" s="3"/>
      <c r="O240" s="3"/>
      <c r="P240" s="3"/>
      <c r="Q240" s="3"/>
      <c r="R240" s="3"/>
      <c r="S240" s="3"/>
      <c r="T240" s="3"/>
      <c r="U240" s="3"/>
      <c r="V240" s="3"/>
    </row>
    <row r="241" spans="1:22" x14ac:dyDescent="0.25">
      <c r="A241" s="3"/>
      <c r="B241" s="4"/>
      <c r="C241" s="3"/>
      <c r="D241" s="5"/>
      <c r="E241" s="6"/>
      <c r="F241" s="3"/>
      <c r="G241" s="3"/>
      <c r="H241" s="3"/>
      <c r="I241" s="3"/>
      <c r="J241" s="3"/>
      <c r="K241" s="3"/>
      <c r="L241" s="3"/>
      <c r="M241" s="3"/>
      <c r="N241" s="3"/>
      <c r="O241" s="3"/>
      <c r="P241" s="3"/>
      <c r="Q241" s="3"/>
      <c r="R241" s="3"/>
      <c r="S241" s="3"/>
      <c r="T241" s="3"/>
      <c r="U241" s="3"/>
      <c r="V241" s="3"/>
    </row>
    <row r="242" spans="1:22" x14ac:dyDescent="0.25">
      <c r="A242" s="3"/>
      <c r="B242" s="4"/>
      <c r="C242" s="3"/>
      <c r="D242" s="5"/>
      <c r="E242" s="3"/>
      <c r="F242" s="3"/>
      <c r="G242" s="3"/>
      <c r="H242" s="3"/>
      <c r="I242" s="3"/>
      <c r="J242" s="3"/>
      <c r="K242" s="3"/>
      <c r="L242" s="3"/>
      <c r="M242" s="3"/>
      <c r="N242" s="3"/>
      <c r="O242" s="3"/>
      <c r="P242" s="3"/>
      <c r="Q242" s="3"/>
      <c r="R242" s="3"/>
      <c r="S242" s="3"/>
      <c r="T242" s="3"/>
      <c r="U242" s="3"/>
      <c r="V242" s="3"/>
    </row>
    <row r="243" spans="1:22" x14ac:dyDescent="0.25">
      <c r="A243" s="3" t="s">
        <v>22</v>
      </c>
      <c r="B243" s="4" t="s">
        <v>822</v>
      </c>
      <c r="C243" s="3" t="s">
        <v>823</v>
      </c>
      <c r="D243" s="5" t="s">
        <v>25</v>
      </c>
      <c r="E243" s="3" t="s">
        <v>138</v>
      </c>
      <c r="F243" s="3" t="s">
        <v>824</v>
      </c>
      <c r="G243" s="3" t="s">
        <v>242</v>
      </c>
      <c r="H243" s="3" t="s">
        <v>59</v>
      </c>
      <c r="I243" s="3" t="s">
        <v>402</v>
      </c>
      <c r="J243" s="3" t="s">
        <v>825</v>
      </c>
      <c r="K243" s="3" t="s">
        <v>32</v>
      </c>
      <c r="L243" s="3" t="s">
        <v>33</v>
      </c>
      <c r="M243" s="3" t="s">
        <v>68</v>
      </c>
      <c r="N243" s="3" t="s">
        <v>69</v>
      </c>
      <c r="O243" s="3" t="s">
        <v>53</v>
      </c>
      <c r="P243" s="3" t="s">
        <v>54</v>
      </c>
      <c r="Q243" s="3" t="s">
        <v>37</v>
      </c>
      <c r="R243" s="3" t="s">
        <v>39</v>
      </c>
      <c r="S243" s="3" t="s">
        <v>826</v>
      </c>
      <c r="T243" s="3"/>
      <c r="U243" s="3" t="s">
        <v>37</v>
      </c>
      <c r="V243" s="3" t="s">
        <v>37</v>
      </c>
    </row>
    <row r="244" spans="1:22" x14ac:dyDescent="0.25">
      <c r="A244" s="3" t="s">
        <v>22</v>
      </c>
      <c r="B244" s="4" t="s">
        <v>822</v>
      </c>
      <c r="C244" s="3" t="s">
        <v>823</v>
      </c>
      <c r="D244" s="5" t="s">
        <v>41</v>
      </c>
      <c r="E244" s="3" t="s">
        <v>138</v>
      </c>
      <c r="F244" s="3" t="s">
        <v>827</v>
      </c>
      <c r="G244" s="3" t="s">
        <v>247</v>
      </c>
      <c r="H244" s="3" t="s">
        <v>59</v>
      </c>
      <c r="I244" s="3" t="s">
        <v>402</v>
      </c>
      <c r="J244" s="3" t="s">
        <v>828</v>
      </c>
      <c r="K244" s="3" t="s">
        <v>32</v>
      </c>
      <c r="L244" s="3" t="s">
        <v>33</v>
      </c>
      <c r="M244" s="3" t="s">
        <v>68</v>
      </c>
      <c r="N244" s="3" t="s">
        <v>69</v>
      </c>
      <c r="O244" s="3" t="s">
        <v>53</v>
      </c>
      <c r="P244" s="3" t="s">
        <v>54</v>
      </c>
      <c r="Q244" s="3" t="s">
        <v>37</v>
      </c>
      <c r="R244" s="3" t="s">
        <v>39</v>
      </c>
      <c r="S244" s="3" t="s">
        <v>829</v>
      </c>
      <c r="T244" s="3"/>
      <c r="U244" s="3" t="s">
        <v>37</v>
      </c>
      <c r="V244" s="3" t="s">
        <v>37</v>
      </c>
    </row>
    <row r="245" spans="1:22" x14ac:dyDescent="0.25">
      <c r="A245" s="3" t="s">
        <v>22</v>
      </c>
      <c r="B245" s="4" t="s">
        <v>822</v>
      </c>
      <c r="C245" s="3" t="s">
        <v>823</v>
      </c>
      <c r="D245" s="5" t="s">
        <v>46</v>
      </c>
      <c r="E245" s="3" t="s">
        <v>47</v>
      </c>
      <c r="F245" s="3" t="s">
        <v>129</v>
      </c>
      <c r="G245" s="3" t="s">
        <v>28</v>
      </c>
      <c r="H245" s="3" t="s">
        <v>29</v>
      </c>
      <c r="I245" s="3" t="s">
        <v>50</v>
      </c>
      <c r="J245" s="3" t="s">
        <v>130</v>
      </c>
      <c r="K245" s="3" t="s">
        <v>32</v>
      </c>
      <c r="L245" s="3" t="s">
        <v>33</v>
      </c>
      <c r="M245" s="3" t="s">
        <v>34</v>
      </c>
      <c r="N245" s="3" t="s">
        <v>52</v>
      </c>
      <c r="O245" s="3" t="s">
        <v>53</v>
      </c>
      <c r="P245" s="3" t="s">
        <v>54</v>
      </c>
      <c r="Q245" s="3" t="s">
        <v>38</v>
      </c>
      <c r="R245" s="3" t="s">
        <v>39</v>
      </c>
      <c r="S245" s="3" t="s">
        <v>131</v>
      </c>
      <c r="T245" s="3"/>
      <c r="U245" s="3" t="s">
        <v>37</v>
      </c>
      <c r="V245" s="3" t="s">
        <v>37</v>
      </c>
    </row>
    <row r="246" spans="1:22" x14ac:dyDescent="0.25">
      <c r="A246" s="3" t="s">
        <v>22</v>
      </c>
      <c r="B246" s="4" t="s">
        <v>822</v>
      </c>
      <c r="C246" s="3" t="s">
        <v>823</v>
      </c>
      <c r="D246" s="5" t="s">
        <v>56</v>
      </c>
      <c r="E246" s="3" t="s">
        <v>47</v>
      </c>
      <c r="F246" s="3" t="s">
        <v>133</v>
      </c>
      <c r="G246" s="3" t="s">
        <v>134</v>
      </c>
      <c r="H246" s="3" t="s">
        <v>29</v>
      </c>
      <c r="I246" s="3" t="s">
        <v>50</v>
      </c>
      <c r="J246" s="3" t="s">
        <v>135</v>
      </c>
      <c r="K246" s="3" t="s">
        <v>32</v>
      </c>
      <c r="L246" s="3" t="s">
        <v>33</v>
      </c>
      <c r="M246" s="3" t="s">
        <v>34</v>
      </c>
      <c r="N246" s="3" t="s">
        <v>52</v>
      </c>
      <c r="O246" s="3" t="s">
        <v>53</v>
      </c>
      <c r="P246" s="3" t="s">
        <v>54</v>
      </c>
      <c r="Q246" s="3" t="s">
        <v>38</v>
      </c>
      <c r="R246" s="3" t="s">
        <v>39</v>
      </c>
      <c r="S246" s="3" t="s">
        <v>136</v>
      </c>
      <c r="T246" s="3"/>
      <c r="U246" s="3" t="s">
        <v>37</v>
      </c>
      <c r="V246" s="3" t="s">
        <v>37</v>
      </c>
    </row>
    <row r="247" spans="1:22" x14ac:dyDescent="0.25">
      <c r="A247" s="3" t="s">
        <v>22</v>
      </c>
      <c r="B247" s="4" t="s">
        <v>822</v>
      </c>
      <c r="C247" s="3" t="s">
        <v>823</v>
      </c>
      <c r="D247" s="5" t="s">
        <v>63</v>
      </c>
      <c r="E247" s="3" t="s">
        <v>72</v>
      </c>
      <c r="F247" s="3" t="s">
        <v>830</v>
      </c>
      <c r="G247" s="3" t="s">
        <v>475</v>
      </c>
      <c r="H247" s="3" t="s">
        <v>87</v>
      </c>
      <c r="I247" s="3" t="s">
        <v>37</v>
      </c>
      <c r="J247" s="3" t="s">
        <v>422</v>
      </c>
      <c r="K247" s="3" t="s">
        <v>32</v>
      </c>
      <c r="L247" s="3" t="s">
        <v>33</v>
      </c>
      <c r="M247" s="3" t="s">
        <v>68</v>
      </c>
      <c r="N247" s="3" t="s">
        <v>190</v>
      </c>
      <c r="O247" s="3" t="s">
        <v>53</v>
      </c>
      <c r="P247" s="3" t="s">
        <v>54</v>
      </c>
      <c r="Q247" s="3" t="s">
        <v>37</v>
      </c>
      <c r="R247" s="3" t="s">
        <v>39</v>
      </c>
      <c r="S247" s="3" t="s">
        <v>831</v>
      </c>
      <c r="T247" s="3"/>
      <c r="U247" s="3" t="s">
        <v>37</v>
      </c>
      <c r="V247" s="3" t="s">
        <v>37</v>
      </c>
    </row>
    <row r="248" spans="1:22" x14ac:dyDescent="0.25">
      <c r="A248" s="3" t="s">
        <v>22</v>
      </c>
      <c r="B248" s="4" t="s">
        <v>822</v>
      </c>
      <c r="C248" s="3" t="s">
        <v>823</v>
      </c>
      <c r="D248" s="5" t="s">
        <v>70</v>
      </c>
      <c r="E248" s="3" t="s">
        <v>72</v>
      </c>
      <c r="F248" s="3" t="s">
        <v>832</v>
      </c>
      <c r="G248" s="3" t="s">
        <v>206</v>
      </c>
      <c r="H248" s="3" t="s">
        <v>59</v>
      </c>
      <c r="I248" s="3" t="s">
        <v>75</v>
      </c>
      <c r="J248" s="3" t="s">
        <v>833</v>
      </c>
      <c r="K248" s="3" t="s">
        <v>32</v>
      </c>
      <c r="L248" s="3" t="s">
        <v>33</v>
      </c>
      <c r="M248" s="3" t="s">
        <v>68</v>
      </c>
      <c r="N248" s="3" t="s">
        <v>77</v>
      </c>
      <c r="O248" s="3" t="s">
        <v>53</v>
      </c>
      <c r="P248" s="3" t="s">
        <v>54</v>
      </c>
      <c r="Q248" s="3" t="s">
        <v>37</v>
      </c>
      <c r="R248" s="3" t="s">
        <v>39</v>
      </c>
      <c r="S248" s="3" t="s">
        <v>834</v>
      </c>
      <c r="T248" s="3"/>
      <c r="U248" s="3" t="s">
        <v>37</v>
      </c>
      <c r="V248" s="3" t="s">
        <v>37</v>
      </c>
    </row>
    <row r="249" spans="1:22" x14ac:dyDescent="0.25">
      <c r="A249" s="3" t="s">
        <v>22</v>
      </c>
      <c r="B249" s="4" t="s">
        <v>822</v>
      </c>
      <c r="C249" s="3" t="s">
        <v>823</v>
      </c>
      <c r="D249" s="5" t="s">
        <v>428</v>
      </c>
      <c r="E249" s="3" t="s">
        <v>72</v>
      </c>
      <c r="F249" s="3" t="s">
        <v>835</v>
      </c>
      <c r="G249" s="3" t="s">
        <v>211</v>
      </c>
      <c r="H249" s="3" t="s">
        <v>59</v>
      </c>
      <c r="I249" s="3" t="s">
        <v>836</v>
      </c>
      <c r="J249" s="3" t="s">
        <v>837</v>
      </c>
      <c r="K249" s="3" t="s">
        <v>32</v>
      </c>
      <c r="L249" s="3" t="s">
        <v>33</v>
      </c>
      <c r="M249" s="3" t="s">
        <v>68</v>
      </c>
      <c r="N249" s="3" t="s">
        <v>77</v>
      </c>
      <c r="O249" s="3" t="s">
        <v>53</v>
      </c>
      <c r="P249" s="3" t="s">
        <v>54</v>
      </c>
      <c r="Q249" s="3" t="s">
        <v>37</v>
      </c>
      <c r="R249" s="3" t="s">
        <v>39</v>
      </c>
      <c r="S249" s="3" t="s">
        <v>838</v>
      </c>
      <c r="T249" s="3"/>
      <c r="U249" s="3" t="s">
        <v>37</v>
      </c>
      <c r="V249" s="3" t="s">
        <v>37</v>
      </c>
    </row>
    <row r="250" spans="1:22" x14ac:dyDescent="0.25">
      <c r="A250" s="3" t="s">
        <v>22</v>
      </c>
      <c r="B250" s="4" t="s">
        <v>822</v>
      </c>
      <c r="C250" s="3" t="s">
        <v>823</v>
      </c>
      <c r="D250" s="5" t="s">
        <v>84</v>
      </c>
      <c r="E250" s="3" t="s">
        <v>433</v>
      </c>
      <c r="F250" s="3" t="s">
        <v>839</v>
      </c>
      <c r="G250" s="3" t="s">
        <v>66</v>
      </c>
      <c r="H250" s="3" t="s">
        <v>29</v>
      </c>
      <c r="I250" s="3" t="s">
        <v>435</v>
      </c>
      <c r="J250" s="3" t="s">
        <v>840</v>
      </c>
      <c r="K250" s="3" t="s">
        <v>32</v>
      </c>
      <c r="L250" s="3" t="s">
        <v>33</v>
      </c>
      <c r="M250" s="3" t="s">
        <v>34</v>
      </c>
      <c r="N250" s="3" t="s">
        <v>77</v>
      </c>
      <c r="O250" s="3" t="s">
        <v>36</v>
      </c>
      <c r="P250" s="3" t="s">
        <v>37</v>
      </c>
      <c r="Q250" s="3" t="s">
        <v>37</v>
      </c>
      <c r="R250" s="3" t="s">
        <v>39</v>
      </c>
      <c r="S250" s="3" t="s">
        <v>841</v>
      </c>
      <c r="T250" s="3"/>
      <c r="U250" s="3" t="s">
        <v>37</v>
      </c>
      <c r="V250" s="3" t="s">
        <v>37</v>
      </c>
    </row>
    <row r="251" spans="1:22" x14ac:dyDescent="0.25">
      <c r="A251" s="3" t="s">
        <v>22</v>
      </c>
      <c r="B251" s="4" t="s">
        <v>822</v>
      </c>
      <c r="C251" s="3" t="s">
        <v>823</v>
      </c>
      <c r="D251" s="5" t="s">
        <v>90</v>
      </c>
      <c r="E251" s="3" t="s">
        <v>433</v>
      </c>
      <c r="F251" s="3" t="s">
        <v>842</v>
      </c>
      <c r="G251" s="3" t="s">
        <v>227</v>
      </c>
      <c r="H251" s="3" t="s">
        <v>29</v>
      </c>
      <c r="I251" s="3" t="s">
        <v>435</v>
      </c>
      <c r="J251" s="3" t="s">
        <v>843</v>
      </c>
      <c r="K251" s="3" t="s">
        <v>32</v>
      </c>
      <c r="L251" s="3" t="s">
        <v>33</v>
      </c>
      <c r="M251" s="3" t="s">
        <v>34</v>
      </c>
      <c r="N251" s="3" t="s">
        <v>77</v>
      </c>
      <c r="O251" s="3" t="s">
        <v>36</v>
      </c>
      <c r="P251" s="3" t="s">
        <v>37</v>
      </c>
      <c r="Q251" s="3" t="s">
        <v>37</v>
      </c>
      <c r="R251" s="3" t="s">
        <v>39</v>
      </c>
      <c r="S251" s="3" t="s">
        <v>844</v>
      </c>
      <c r="T251" s="3"/>
      <c r="U251" s="3" t="s">
        <v>37</v>
      </c>
      <c r="V251" s="3" t="s">
        <v>37</v>
      </c>
    </row>
    <row r="252" spans="1:22" x14ac:dyDescent="0.25">
      <c r="A252" s="3" t="s">
        <v>22</v>
      </c>
      <c r="B252" s="4" t="s">
        <v>822</v>
      </c>
      <c r="C252" s="3" t="s">
        <v>823</v>
      </c>
      <c r="D252" s="5" t="s">
        <v>299</v>
      </c>
      <c r="E252" s="3" t="s">
        <v>443</v>
      </c>
      <c r="F252" s="3" t="s">
        <v>845</v>
      </c>
      <c r="G252" s="3" t="s">
        <v>706</v>
      </c>
      <c r="H252" s="3" t="s">
        <v>59</v>
      </c>
      <c r="I252" s="3" t="s">
        <v>37</v>
      </c>
      <c r="J252" s="3" t="s">
        <v>846</v>
      </c>
      <c r="K252" s="3" t="s">
        <v>32</v>
      </c>
      <c r="L252" s="3" t="s">
        <v>33</v>
      </c>
      <c r="M252" s="3" t="s">
        <v>68</v>
      </c>
      <c r="N252" s="3" t="s">
        <v>69</v>
      </c>
      <c r="O252" s="3" t="s">
        <v>446</v>
      </c>
      <c r="P252" s="3" t="s">
        <v>37</v>
      </c>
      <c r="Q252" s="3" t="s">
        <v>37</v>
      </c>
      <c r="R252" s="3" t="s">
        <v>39</v>
      </c>
      <c r="S252" s="3" t="s">
        <v>847</v>
      </c>
      <c r="T252" s="3"/>
      <c r="U252" s="3" t="s">
        <v>37</v>
      </c>
      <c r="V252" s="3" t="s">
        <v>37</v>
      </c>
    </row>
    <row r="253" spans="1:22" x14ac:dyDescent="0.25">
      <c r="A253" s="3" t="s">
        <v>22</v>
      </c>
      <c r="B253" s="4" t="s">
        <v>822</v>
      </c>
      <c r="C253" s="3" t="s">
        <v>823</v>
      </c>
      <c r="D253" s="5" t="s">
        <v>100</v>
      </c>
      <c r="E253" s="3" t="s">
        <v>443</v>
      </c>
      <c r="F253" s="3" t="s">
        <v>848</v>
      </c>
      <c r="G253" s="3" t="s">
        <v>798</v>
      </c>
      <c r="H253" s="3" t="s">
        <v>59</v>
      </c>
      <c r="I253" s="3" t="s">
        <v>849</v>
      </c>
      <c r="J253" s="3" t="s">
        <v>850</v>
      </c>
      <c r="K253" s="3" t="s">
        <v>32</v>
      </c>
      <c r="L253" s="3" t="s">
        <v>33</v>
      </c>
      <c r="M253" s="3" t="s">
        <v>68</v>
      </c>
      <c r="N253" s="3" t="s">
        <v>69</v>
      </c>
      <c r="O253" s="3" t="s">
        <v>446</v>
      </c>
      <c r="P253" s="3" t="s">
        <v>37</v>
      </c>
      <c r="Q253" s="3" t="s">
        <v>37</v>
      </c>
      <c r="R253" s="3" t="s">
        <v>39</v>
      </c>
      <c r="S253" s="3" t="s">
        <v>851</v>
      </c>
      <c r="T253" s="3"/>
      <c r="U253" s="3" t="s">
        <v>37</v>
      </c>
      <c r="V253" s="3" t="s">
        <v>37</v>
      </c>
    </row>
    <row r="254" spans="1:22" x14ac:dyDescent="0.25">
      <c r="A254" s="3" t="s">
        <v>22</v>
      </c>
      <c r="B254" s="4" t="s">
        <v>822</v>
      </c>
      <c r="C254" s="3" t="s">
        <v>823</v>
      </c>
      <c r="D254" s="5" t="s">
        <v>303</v>
      </c>
      <c r="E254" s="3" t="s">
        <v>443</v>
      </c>
      <c r="F254" s="3" t="s">
        <v>852</v>
      </c>
      <c r="G254" s="3" t="s">
        <v>546</v>
      </c>
      <c r="H254" s="3" t="s">
        <v>59</v>
      </c>
      <c r="I254" s="3" t="s">
        <v>849</v>
      </c>
      <c r="J254" s="3" t="s">
        <v>853</v>
      </c>
      <c r="K254" s="3" t="s">
        <v>32</v>
      </c>
      <c r="L254" s="3" t="s">
        <v>33</v>
      </c>
      <c r="M254" s="3" t="s">
        <v>68</v>
      </c>
      <c r="N254" s="3" t="s">
        <v>69</v>
      </c>
      <c r="O254" s="3" t="s">
        <v>446</v>
      </c>
      <c r="P254" s="3" t="s">
        <v>37</v>
      </c>
      <c r="Q254" s="3" t="s">
        <v>37</v>
      </c>
      <c r="R254" s="3" t="s">
        <v>39</v>
      </c>
      <c r="S254" s="3" t="s">
        <v>854</v>
      </c>
      <c r="T254" s="3"/>
      <c r="U254" s="3" t="s">
        <v>37</v>
      </c>
      <c r="V254" s="3" t="s">
        <v>37</v>
      </c>
    </row>
    <row r="255" spans="1:22" x14ac:dyDescent="0.25">
      <c r="A255" s="3" t="s">
        <v>22</v>
      </c>
      <c r="B255" s="4" t="s">
        <v>822</v>
      </c>
      <c r="C255" s="3" t="s">
        <v>823</v>
      </c>
      <c r="D255" s="5" t="s">
        <v>454</v>
      </c>
      <c r="E255" s="3" t="s">
        <v>47</v>
      </c>
      <c r="F255" s="3" t="s">
        <v>91</v>
      </c>
      <c r="G255" s="3" t="s">
        <v>92</v>
      </c>
      <c r="H255" s="3" t="s">
        <v>87</v>
      </c>
      <c r="I255" s="3" t="s">
        <v>50</v>
      </c>
      <c r="J255" s="3" t="s">
        <v>93</v>
      </c>
      <c r="K255" s="3" t="s">
        <v>32</v>
      </c>
      <c r="L255" s="3" t="s">
        <v>33</v>
      </c>
      <c r="M255" s="3" t="s">
        <v>34</v>
      </c>
      <c r="N255" s="3" t="s">
        <v>69</v>
      </c>
      <c r="O255" s="3" t="s">
        <v>53</v>
      </c>
      <c r="P255" s="3" t="s">
        <v>54</v>
      </c>
      <c r="Q255" s="3" t="s">
        <v>37</v>
      </c>
      <c r="R255" s="3" t="s">
        <v>39</v>
      </c>
      <c r="S255" s="3" t="s">
        <v>94</v>
      </c>
      <c r="T255" s="3"/>
      <c r="U255" s="3" t="s">
        <v>37</v>
      </c>
      <c r="V255" s="3" t="s">
        <v>37</v>
      </c>
    </row>
    <row r="256" spans="1:22" x14ac:dyDescent="0.25">
      <c r="A256" s="3" t="s">
        <v>22</v>
      </c>
      <c r="B256" s="4" t="s">
        <v>822</v>
      </c>
      <c r="C256" s="3" t="s">
        <v>823</v>
      </c>
      <c r="D256" s="5" t="s">
        <v>458</v>
      </c>
      <c r="E256" s="3" t="s">
        <v>47</v>
      </c>
      <c r="F256" s="3" t="s">
        <v>855</v>
      </c>
      <c r="G256" s="3" t="s">
        <v>74</v>
      </c>
      <c r="H256" s="3" t="s">
        <v>59</v>
      </c>
      <c r="I256" s="3" t="s">
        <v>50</v>
      </c>
      <c r="J256" s="3" t="s">
        <v>856</v>
      </c>
      <c r="K256" s="3" t="s">
        <v>32</v>
      </c>
      <c r="L256" s="3" t="s">
        <v>33</v>
      </c>
      <c r="M256" s="3" t="s">
        <v>34</v>
      </c>
      <c r="N256" s="3" t="s">
        <v>61</v>
      </c>
      <c r="O256" s="3" t="s">
        <v>53</v>
      </c>
      <c r="P256" s="3" t="s">
        <v>54</v>
      </c>
      <c r="Q256" s="3" t="s">
        <v>37</v>
      </c>
      <c r="R256" s="3" t="s">
        <v>39</v>
      </c>
      <c r="S256" s="3" t="s">
        <v>857</v>
      </c>
      <c r="T256" s="3"/>
      <c r="U256" s="3" t="s">
        <v>37</v>
      </c>
      <c r="V256" s="3" t="s">
        <v>37</v>
      </c>
    </row>
    <row r="257" spans="1:22" x14ac:dyDescent="0.25">
      <c r="A257" s="3" t="s">
        <v>22</v>
      </c>
      <c r="B257" s="4" t="s">
        <v>822</v>
      </c>
      <c r="C257" s="3" t="s">
        <v>823</v>
      </c>
      <c r="D257" s="5" t="s">
        <v>462</v>
      </c>
      <c r="E257" s="3" t="s">
        <v>463</v>
      </c>
      <c r="F257" s="3" t="s">
        <v>858</v>
      </c>
      <c r="G257" s="3" t="s">
        <v>592</v>
      </c>
      <c r="H257" s="3" t="s">
        <v>59</v>
      </c>
      <c r="I257" s="3" t="s">
        <v>859</v>
      </c>
      <c r="J257" s="3" t="s">
        <v>860</v>
      </c>
      <c r="K257" s="3" t="s">
        <v>32</v>
      </c>
      <c r="L257" s="3" t="s">
        <v>114</v>
      </c>
      <c r="M257" s="3" t="s">
        <v>68</v>
      </c>
      <c r="N257" s="3" t="s">
        <v>61</v>
      </c>
      <c r="O257" s="3" t="s">
        <v>36</v>
      </c>
      <c r="P257" s="3" t="s">
        <v>37</v>
      </c>
      <c r="Q257" s="3" t="s">
        <v>37</v>
      </c>
      <c r="R257" s="3" t="s">
        <v>39</v>
      </c>
      <c r="S257" s="3" t="s">
        <v>861</v>
      </c>
      <c r="T257" s="3"/>
      <c r="U257" s="3" t="s">
        <v>37</v>
      </c>
      <c r="V257" s="3" t="s">
        <v>37</v>
      </c>
    </row>
    <row r="258" spans="1:22" x14ac:dyDescent="0.25">
      <c r="A258" s="3" t="s">
        <v>22</v>
      </c>
      <c r="B258" s="4" t="s">
        <v>822</v>
      </c>
      <c r="C258" s="3" t="s">
        <v>823</v>
      </c>
      <c r="D258" s="5" t="s">
        <v>468</v>
      </c>
      <c r="E258" s="3" t="s">
        <v>463</v>
      </c>
      <c r="F258" s="3" t="s">
        <v>862</v>
      </c>
      <c r="G258" s="3" t="s">
        <v>189</v>
      </c>
      <c r="H258" s="3" t="s">
        <v>59</v>
      </c>
      <c r="I258" s="3" t="s">
        <v>863</v>
      </c>
      <c r="J258" s="3" t="s">
        <v>864</v>
      </c>
      <c r="K258" s="3" t="s">
        <v>32</v>
      </c>
      <c r="L258" s="3" t="s">
        <v>114</v>
      </c>
      <c r="M258" s="3" t="s">
        <v>68</v>
      </c>
      <c r="N258" s="3" t="s">
        <v>61</v>
      </c>
      <c r="O258" s="3" t="s">
        <v>36</v>
      </c>
      <c r="P258" s="3" t="s">
        <v>37</v>
      </c>
      <c r="Q258" s="3" t="s">
        <v>37</v>
      </c>
      <c r="R258" s="3" t="s">
        <v>39</v>
      </c>
      <c r="S258" s="3" t="s">
        <v>865</v>
      </c>
      <c r="T258" s="3" t="s">
        <v>37</v>
      </c>
      <c r="U258" s="3" t="s">
        <v>37</v>
      </c>
      <c r="V258" s="3" t="s">
        <v>37</v>
      </c>
    </row>
    <row r="259" spans="1:22" x14ac:dyDescent="0.25">
      <c r="A259" s="3" t="s">
        <v>22</v>
      </c>
      <c r="B259" s="4" t="s">
        <v>822</v>
      </c>
      <c r="C259" s="3" t="s">
        <v>823</v>
      </c>
      <c r="D259" s="5" t="s">
        <v>473</v>
      </c>
      <c r="E259" s="3" t="s">
        <v>47</v>
      </c>
      <c r="F259" s="3" t="s">
        <v>215</v>
      </c>
      <c r="G259" s="3" t="s">
        <v>216</v>
      </c>
      <c r="H259" s="3" t="s">
        <v>59</v>
      </c>
      <c r="I259" s="3" t="s">
        <v>50</v>
      </c>
      <c r="J259" s="3" t="s">
        <v>217</v>
      </c>
      <c r="K259" s="3" t="s">
        <v>32</v>
      </c>
      <c r="L259" s="3" t="s">
        <v>33</v>
      </c>
      <c r="M259" s="3" t="s">
        <v>34</v>
      </c>
      <c r="N259" s="3" t="s">
        <v>61</v>
      </c>
      <c r="O259" s="3" t="s">
        <v>53</v>
      </c>
      <c r="P259" s="3" t="s">
        <v>54</v>
      </c>
      <c r="Q259" s="3" t="s">
        <v>37</v>
      </c>
      <c r="R259" s="3" t="s">
        <v>39</v>
      </c>
      <c r="S259" s="3" t="s">
        <v>218</v>
      </c>
      <c r="T259" s="3" t="s">
        <v>37</v>
      </c>
      <c r="U259" s="3" t="s">
        <v>37</v>
      </c>
      <c r="V259" s="3" t="s">
        <v>37</v>
      </c>
    </row>
    <row r="260" spans="1:22" x14ac:dyDescent="0.25">
      <c r="A260" s="3" t="s">
        <v>22</v>
      </c>
      <c r="B260" s="4" t="s">
        <v>822</v>
      </c>
      <c r="C260" s="3" t="s">
        <v>823</v>
      </c>
      <c r="D260" s="5" t="s">
        <v>474</v>
      </c>
      <c r="E260" s="3" t="s">
        <v>47</v>
      </c>
      <c r="F260" s="3" t="s">
        <v>57</v>
      </c>
      <c r="G260" s="3" t="s">
        <v>58</v>
      </c>
      <c r="H260" s="3" t="s">
        <v>59</v>
      </c>
      <c r="I260" s="3" t="s">
        <v>50</v>
      </c>
      <c r="J260" s="3" t="s">
        <v>60</v>
      </c>
      <c r="K260" s="3" t="s">
        <v>32</v>
      </c>
      <c r="L260" s="3" t="s">
        <v>33</v>
      </c>
      <c r="M260" s="3" t="s">
        <v>34</v>
      </c>
      <c r="N260" s="3" t="s">
        <v>61</v>
      </c>
      <c r="O260" s="3" t="s">
        <v>53</v>
      </c>
      <c r="P260" s="3" t="s">
        <v>54</v>
      </c>
      <c r="Q260" s="3" t="s">
        <v>37</v>
      </c>
      <c r="R260" s="3" t="s">
        <v>39</v>
      </c>
      <c r="S260" s="3" t="s">
        <v>62</v>
      </c>
      <c r="T260" s="3" t="s">
        <v>37</v>
      </c>
      <c r="U260" s="3" t="s">
        <v>37</v>
      </c>
      <c r="V260" s="3" t="s">
        <v>37</v>
      </c>
    </row>
    <row r="261" spans="1:22" x14ac:dyDescent="0.25">
      <c r="A261" s="3" t="s">
        <v>22</v>
      </c>
      <c r="B261" s="4" t="s">
        <v>822</v>
      </c>
      <c r="C261" s="3" t="s">
        <v>823</v>
      </c>
      <c r="D261" s="5" t="s">
        <v>137</v>
      </c>
      <c r="E261" s="3" t="s">
        <v>153</v>
      </c>
      <c r="F261" s="3" t="s">
        <v>866</v>
      </c>
      <c r="G261" s="3" t="s">
        <v>305</v>
      </c>
      <c r="H261" s="3" t="s">
        <v>59</v>
      </c>
      <c r="I261" s="3" t="s">
        <v>37</v>
      </c>
      <c r="J261" s="3" t="s">
        <v>867</v>
      </c>
      <c r="K261" s="3" t="s">
        <v>32</v>
      </c>
      <c r="L261" s="3" t="s">
        <v>33</v>
      </c>
      <c r="M261" s="3" t="s">
        <v>34</v>
      </c>
      <c r="N261" s="3" t="s">
        <v>190</v>
      </c>
      <c r="O261" s="3" t="s">
        <v>53</v>
      </c>
      <c r="P261" s="3" t="s">
        <v>37</v>
      </c>
      <c r="Q261" s="3" t="s">
        <v>37</v>
      </c>
      <c r="R261" s="3" t="s">
        <v>39</v>
      </c>
      <c r="S261" s="3" t="s">
        <v>868</v>
      </c>
      <c r="T261" s="3" t="s">
        <v>37</v>
      </c>
      <c r="U261" s="3" t="s">
        <v>37</v>
      </c>
      <c r="V261" s="3" t="s">
        <v>37</v>
      </c>
    </row>
    <row r="262" spans="1:22" x14ac:dyDescent="0.25">
      <c r="A262" s="3" t="s">
        <v>22</v>
      </c>
      <c r="B262" s="4" t="s">
        <v>822</v>
      </c>
      <c r="C262" s="3" t="s">
        <v>823</v>
      </c>
      <c r="D262" s="5" t="s">
        <v>150</v>
      </c>
      <c r="E262" s="3" t="s">
        <v>479</v>
      </c>
      <c r="F262" s="3" t="s">
        <v>869</v>
      </c>
      <c r="G262" s="3" t="s">
        <v>567</v>
      </c>
      <c r="H262" s="3" t="s">
        <v>87</v>
      </c>
      <c r="I262" s="3" t="s">
        <v>870</v>
      </c>
      <c r="J262" s="3" t="s">
        <v>871</v>
      </c>
      <c r="K262" s="3" t="s">
        <v>32</v>
      </c>
      <c r="L262" s="3" t="s">
        <v>33</v>
      </c>
      <c r="M262" s="3" t="s">
        <v>68</v>
      </c>
      <c r="N262" s="3" t="s">
        <v>484</v>
      </c>
      <c r="O262" s="3" t="s">
        <v>53</v>
      </c>
      <c r="P262" s="3" t="s">
        <v>37</v>
      </c>
      <c r="Q262" s="3" t="s">
        <v>37</v>
      </c>
      <c r="R262" s="3" t="s">
        <v>39</v>
      </c>
      <c r="S262" s="3" t="s">
        <v>872</v>
      </c>
      <c r="T262" s="3" t="s">
        <v>37</v>
      </c>
      <c r="U262" s="3" t="s">
        <v>37</v>
      </c>
      <c r="V262" s="3" t="s">
        <v>37</v>
      </c>
    </row>
    <row r="263" spans="1:22" x14ac:dyDescent="0.25">
      <c r="A263" s="3" t="s">
        <v>22</v>
      </c>
      <c r="B263" s="4" t="s">
        <v>822</v>
      </c>
      <c r="C263" s="3" t="s">
        <v>823</v>
      </c>
      <c r="D263" s="5" t="s">
        <v>160</v>
      </c>
      <c r="E263" s="3" t="s">
        <v>479</v>
      </c>
      <c r="F263" s="3" t="s">
        <v>873</v>
      </c>
      <c r="G263" s="3" t="s">
        <v>430</v>
      </c>
      <c r="H263" s="3" t="s">
        <v>87</v>
      </c>
      <c r="I263" s="3" t="s">
        <v>870</v>
      </c>
      <c r="J263" s="3" t="s">
        <v>874</v>
      </c>
      <c r="K263" s="3" t="s">
        <v>32</v>
      </c>
      <c r="L263" s="3" t="s">
        <v>33</v>
      </c>
      <c r="M263" s="3" t="s">
        <v>68</v>
      </c>
      <c r="N263" s="3" t="s">
        <v>484</v>
      </c>
      <c r="O263" s="3" t="s">
        <v>53</v>
      </c>
      <c r="P263" s="3" t="s">
        <v>37</v>
      </c>
      <c r="Q263" s="3" t="s">
        <v>37</v>
      </c>
      <c r="R263" s="3" t="s">
        <v>39</v>
      </c>
      <c r="S263" s="3" t="s">
        <v>875</v>
      </c>
      <c r="T263" s="3" t="s">
        <v>37</v>
      </c>
      <c r="U263" s="3" t="s">
        <v>37</v>
      </c>
      <c r="V263" s="3" t="s">
        <v>37</v>
      </c>
    </row>
    <row r="264" spans="1:22" x14ac:dyDescent="0.25">
      <c r="A264" s="3" t="s">
        <v>22</v>
      </c>
      <c r="B264" s="4" t="s">
        <v>822</v>
      </c>
      <c r="C264" s="3" t="s">
        <v>823</v>
      </c>
      <c r="D264" s="5" t="s">
        <v>169</v>
      </c>
      <c r="E264" s="3" t="s">
        <v>47</v>
      </c>
      <c r="F264" s="3" t="s">
        <v>876</v>
      </c>
      <c r="G264" s="3" t="s">
        <v>798</v>
      </c>
      <c r="H264" s="3" t="s">
        <v>59</v>
      </c>
      <c r="I264" s="3" t="s">
        <v>50</v>
      </c>
      <c r="J264" s="3" t="s">
        <v>877</v>
      </c>
      <c r="K264" s="3" t="s">
        <v>32</v>
      </c>
      <c r="L264" s="3" t="s">
        <v>33</v>
      </c>
      <c r="M264" s="3" t="s">
        <v>34</v>
      </c>
      <c r="N264" s="3" t="s">
        <v>61</v>
      </c>
      <c r="O264" s="3" t="s">
        <v>223</v>
      </c>
      <c r="P264" s="3" t="s">
        <v>54</v>
      </c>
      <c r="Q264" s="3" t="s">
        <v>37</v>
      </c>
      <c r="R264" s="3" t="s">
        <v>39</v>
      </c>
      <c r="S264" s="3" t="s">
        <v>878</v>
      </c>
      <c r="T264" s="3" t="s">
        <v>37</v>
      </c>
      <c r="U264" s="3" t="s">
        <v>37</v>
      </c>
      <c r="V264" s="3" t="s">
        <v>37</v>
      </c>
    </row>
    <row r="265" spans="1:22" x14ac:dyDescent="0.25">
      <c r="A265" s="3" t="s">
        <v>22</v>
      </c>
      <c r="B265" s="4" t="s">
        <v>822</v>
      </c>
      <c r="C265" s="3" t="s">
        <v>823</v>
      </c>
      <c r="D265" s="5" t="s">
        <v>174</v>
      </c>
      <c r="E265" s="3" t="s">
        <v>47</v>
      </c>
      <c r="F265" s="3" t="s">
        <v>879</v>
      </c>
      <c r="G265" s="3" t="s">
        <v>546</v>
      </c>
      <c r="H265" s="3" t="s">
        <v>59</v>
      </c>
      <c r="I265" s="3" t="s">
        <v>50</v>
      </c>
      <c r="J265" s="3" t="s">
        <v>880</v>
      </c>
      <c r="K265" s="3" t="s">
        <v>32</v>
      </c>
      <c r="L265" s="3" t="s">
        <v>33</v>
      </c>
      <c r="M265" s="3" t="s">
        <v>34</v>
      </c>
      <c r="N265" s="3" t="s">
        <v>61</v>
      </c>
      <c r="O265" s="3" t="s">
        <v>53</v>
      </c>
      <c r="P265" s="3" t="s">
        <v>54</v>
      </c>
      <c r="Q265" s="3" t="s">
        <v>37</v>
      </c>
      <c r="R265" s="3" t="s">
        <v>39</v>
      </c>
      <c r="S265" s="3" t="s">
        <v>881</v>
      </c>
      <c r="T265" s="3" t="s">
        <v>37</v>
      </c>
      <c r="U265" s="3" t="s">
        <v>37</v>
      </c>
      <c r="V265" s="3" t="s">
        <v>37</v>
      </c>
    </row>
    <row r="266" spans="1:22" x14ac:dyDescent="0.25">
      <c r="A266" s="3" t="s">
        <v>22</v>
      </c>
      <c r="B266" s="4" t="s">
        <v>822</v>
      </c>
      <c r="C266" s="3" t="s">
        <v>823</v>
      </c>
      <c r="D266" s="5" t="s">
        <v>179</v>
      </c>
      <c r="E266" s="3" t="s">
        <v>47</v>
      </c>
      <c r="F266" s="3" t="s">
        <v>882</v>
      </c>
      <c r="G266" s="3" t="s">
        <v>87</v>
      </c>
      <c r="H266" s="3" t="s">
        <v>29</v>
      </c>
      <c r="I266" s="3" t="s">
        <v>50</v>
      </c>
      <c r="J266" s="3" t="s">
        <v>883</v>
      </c>
      <c r="K266" s="3" t="s">
        <v>32</v>
      </c>
      <c r="L266" s="3" t="s">
        <v>33</v>
      </c>
      <c r="M266" s="3" t="s">
        <v>34</v>
      </c>
      <c r="N266" s="3" t="s">
        <v>52</v>
      </c>
      <c r="O266" s="3" t="s">
        <v>53</v>
      </c>
      <c r="P266" s="3" t="s">
        <v>54</v>
      </c>
      <c r="Q266" s="3" t="s">
        <v>38</v>
      </c>
      <c r="R266" s="3" t="s">
        <v>39</v>
      </c>
      <c r="S266" s="3" t="s">
        <v>884</v>
      </c>
      <c r="T266" s="3" t="s">
        <v>37</v>
      </c>
      <c r="U266" s="3" t="s">
        <v>37</v>
      </c>
      <c r="V266" s="3" t="s">
        <v>37</v>
      </c>
    </row>
    <row r="267" spans="1:22" x14ac:dyDescent="0.25">
      <c r="A267" s="3" t="s">
        <v>22</v>
      </c>
      <c r="B267" s="4" t="s">
        <v>822</v>
      </c>
      <c r="C267" s="3" t="s">
        <v>823</v>
      </c>
      <c r="D267" s="5" t="s">
        <v>354</v>
      </c>
      <c r="E267" s="3" t="s">
        <v>47</v>
      </c>
      <c r="F267" s="3" t="s">
        <v>885</v>
      </c>
      <c r="G267" s="3" t="s">
        <v>295</v>
      </c>
      <c r="H267" s="3" t="s">
        <v>29</v>
      </c>
      <c r="I267" s="3" t="s">
        <v>50</v>
      </c>
      <c r="J267" s="3" t="s">
        <v>886</v>
      </c>
      <c r="K267" s="3" t="s">
        <v>32</v>
      </c>
      <c r="L267" s="3" t="s">
        <v>33</v>
      </c>
      <c r="M267" s="3" t="s">
        <v>34</v>
      </c>
      <c r="N267" s="3" t="s">
        <v>52</v>
      </c>
      <c r="O267" s="3" t="s">
        <v>53</v>
      </c>
      <c r="P267" s="3" t="s">
        <v>54</v>
      </c>
      <c r="Q267" s="3" t="s">
        <v>38</v>
      </c>
      <c r="R267" s="3" t="s">
        <v>39</v>
      </c>
      <c r="S267" s="3" t="s">
        <v>887</v>
      </c>
      <c r="T267" s="3" t="s">
        <v>37</v>
      </c>
      <c r="U267" s="3" t="s">
        <v>37</v>
      </c>
      <c r="V267" s="3" t="s">
        <v>37</v>
      </c>
    </row>
    <row r="268" spans="1:22" x14ac:dyDescent="0.25">
      <c r="A268" s="3" t="s">
        <v>22</v>
      </c>
      <c r="B268" s="4" t="s">
        <v>822</v>
      </c>
      <c r="C268" s="3" t="s">
        <v>823</v>
      </c>
      <c r="D268" s="5" t="s">
        <v>186</v>
      </c>
      <c r="E268" s="3" t="s">
        <v>888</v>
      </c>
      <c r="F268" s="3" t="s">
        <v>889</v>
      </c>
      <c r="G268" s="3" t="s">
        <v>740</v>
      </c>
      <c r="H268" s="3" t="s">
        <v>87</v>
      </c>
      <c r="I268" s="3" t="s">
        <v>890</v>
      </c>
      <c r="J268" s="3" t="s">
        <v>891</v>
      </c>
      <c r="K268" s="3" t="s">
        <v>32</v>
      </c>
      <c r="L268" s="3" t="s">
        <v>114</v>
      </c>
      <c r="M268" s="3" t="s">
        <v>34</v>
      </c>
      <c r="N268" s="3" t="s">
        <v>190</v>
      </c>
      <c r="O268" s="3" t="s">
        <v>53</v>
      </c>
      <c r="P268" s="3" t="s">
        <v>37</v>
      </c>
      <c r="Q268" s="3" t="s">
        <v>37</v>
      </c>
      <c r="R268" s="3" t="s">
        <v>39</v>
      </c>
      <c r="S268" s="3" t="s">
        <v>892</v>
      </c>
      <c r="T268" s="3" t="s">
        <v>127</v>
      </c>
      <c r="U268" s="3" t="s">
        <v>37</v>
      </c>
      <c r="V268" s="3" t="s">
        <v>37</v>
      </c>
    </row>
    <row r="269" spans="1:22" x14ac:dyDescent="0.25">
      <c r="A269" s="3" t="s">
        <v>22</v>
      </c>
      <c r="B269" s="4" t="s">
        <v>822</v>
      </c>
      <c r="C269" s="3" t="s">
        <v>823</v>
      </c>
      <c r="D269" s="5" t="s">
        <v>192</v>
      </c>
      <c r="E269" s="3" t="s">
        <v>888</v>
      </c>
      <c r="F269" s="3" t="s">
        <v>893</v>
      </c>
      <c r="G269" s="3" t="s">
        <v>743</v>
      </c>
      <c r="H269" s="3" t="s">
        <v>87</v>
      </c>
      <c r="I269" s="3" t="s">
        <v>894</v>
      </c>
      <c r="J269" s="3" t="s">
        <v>895</v>
      </c>
      <c r="K269" s="3" t="s">
        <v>32</v>
      </c>
      <c r="L269" s="3" t="s">
        <v>114</v>
      </c>
      <c r="M269" s="3" t="s">
        <v>34</v>
      </c>
      <c r="N269" s="3" t="s">
        <v>190</v>
      </c>
      <c r="O269" s="3" t="s">
        <v>53</v>
      </c>
      <c r="P269" s="3" t="s">
        <v>37</v>
      </c>
      <c r="Q269" s="3" t="s">
        <v>37</v>
      </c>
      <c r="R269" s="3" t="s">
        <v>39</v>
      </c>
      <c r="S269" s="3" t="s">
        <v>896</v>
      </c>
      <c r="T269" s="3" t="s">
        <v>127</v>
      </c>
      <c r="U269" s="3" t="s">
        <v>37</v>
      </c>
      <c r="V269" s="3" t="s">
        <v>37</v>
      </c>
    </row>
    <row r="270" spans="1:22" x14ac:dyDescent="0.25">
      <c r="A270" s="3" t="s">
        <v>22</v>
      </c>
      <c r="B270" s="4" t="s">
        <v>822</v>
      </c>
      <c r="C270" s="3" t="s">
        <v>823</v>
      </c>
      <c r="D270" s="5" t="s">
        <v>199</v>
      </c>
      <c r="E270" s="3" t="s">
        <v>47</v>
      </c>
      <c r="F270" s="3" t="s">
        <v>106</v>
      </c>
      <c r="G270" s="3" t="s">
        <v>107</v>
      </c>
      <c r="H270" s="3" t="s">
        <v>87</v>
      </c>
      <c r="I270" s="3" t="s">
        <v>50</v>
      </c>
      <c r="J270" s="3" t="s">
        <v>108</v>
      </c>
      <c r="K270" s="3" t="s">
        <v>32</v>
      </c>
      <c r="L270" s="3" t="s">
        <v>33</v>
      </c>
      <c r="M270" s="3" t="s">
        <v>34</v>
      </c>
      <c r="N270" s="3" t="s">
        <v>69</v>
      </c>
      <c r="O270" s="3" t="s">
        <v>53</v>
      </c>
      <c r="P270" s="3" t="s">
        <v>54</v>
      </c>
      <c r="Q270" s="3" t="s">
        <v>37</v>
      </c>
      <c r="R270" s="3" t="s">
        <v>39</v>
      </c>
      <c r="S270" s="3" t="s">
        <v>109</v>
      </c>
      <c r="T270" s="3" t="s">
        <v>37</v>
      </c>
      <c r="U270" s="3" t="s">
        <v>37</v>
      </c>
      <c r="V270" s="3" t="s">
        <v>37</v>
      </c>
    </row>
    <row r="271" spans="1:22" x14ac:dyDescent="0.25">
      <c r="A271" s="3" t="s">
        <v>22</v>
      </c>
      <c r="B271" s="4" t="s">
        <v>822</v>
      </c>
      <c r="C271" s="3" t="s">
        <v>823</v>
      </c>
      <c r="D271" s="5" t="s">
        <v>204</v>
      </c>
      <c r="E271" s="3" t="s">
        <v>47</v>
      </c>
      <c r="F271" s="3" t="s">
        <v>350</v>
      </c>
      <c r="G271" s="3" t="s">
        <v>351</v>
      </c>
      <c r="H271" s="3" t="s">
        <v>87</v>
      </c>
      <c r="I271" s="3" t="s">
        <v>50</v>
      </c>
      <c r="J271" s="3" t="s">
        <v>352</v>
      </c>
      <c r="K271" s="3" t="s">
        <v>32</v>
      </c>
      <c r="L271" s="3" t="s">
        <v>33</v>
      </c>
      <c r="M271" s="3" t="s">
        <v>34</v>
      </c>
      <c r="N271" s="3" t="s">
        <v>69</v>
      </c>
      <c r="O271" s="3" t="s">
        <v>53</v>
      </c>
      <c r="P271" s="3" t="s">
        <v>54</v>
      </c>
      <c r="Q271" s="3" t="s">
        <v>37</v>
      </c>
      <c r="R271" s="3" t="s">
        <v>39</v>
      </c>
      <c r="S271" s="3" t="s">
        <v>353</v>
      </c>
      <c r="T271" s="3" t="s">
        <v>37</v>
      </c>
      <c r="U271" s="3" t="s">
        <v>37</v>
      </c>
      <c r="V271" s="3" t="s">
        <v>37</v>
      </c>
    </row>
    <row r="272" spans="1:22" x14ac:dyDescent="0.25">
      <c r="A272" s="3" t="s">
        <v>22</v>
      </c>
      <c r="B272" s="4" t="s">
        <v>822</v>
      </c>
      <c r="C272" s="3" t="s">
        <v>823</v>
      </c>
      <c r="D272" s="5" t="s">
        <v>520</v>
      </c>
      <c r="E272" s="3" t="s">
        <v>47</v>
      </c>
      <c r="F272" s="3" t="s">
        <v>355</v>
      </c>
      <c r="G272" s="3" t="s">
        <v>356</v>
      </c>
      <c r="H272" s="3" t="s">
        <v>87</v>
      </c>
      <c r="I272" s="3" t="s">
        <v>50</v>
      </c>
      <c r="J272" s="3" t="s">
        <v>357</v>
      </c>
      <c r="K272" s="3" t="s">
        <v>32</v>
      </c>
      <c r="L272" s="3" t="s">
        <v>33</v>
      </c>
      <c r="M272" s="3" t="s">
        <v>34</v>
      </c>
      <c r="N272" s="3" t="s">
        <v>69</v>
      </c>
      <c r="O272" s="3" t="s">
        <v>53</v>
      </c>
      <c r="P272" s="3" t="s">
        <v>54</v>
      </c>
      <c r="Q272" s="3" t="s">
        <v>37</v>
      </c>
      <c r="R272" s="3" t="s">
        <v>39</v>
      </c>
      <c r="S272" s="3" t="s">
        <v>358</v>
      </c>
      <c r="T272" s="3" t="s">
        <v>37</v>
      </c>
      <c r="U272" s="3" t="s">
        <v>37</v>
      </c>
      <c r="V272" s="3" t="s">
        <v>37</v>
      </c>
    </row>
    <row r="273" spans="1:22" x14ac:dyDescent="0.25">
      <c r="A273" s="3" t="s">
        <v>22</v>
      </c>
      <c r="B273" s="4" t="s">
        <v>822</v>
      </c>
      <c r="C273" s="3" t="s">
        <v>823</v>
      </c>
      <c r="D273" s="5" t="s">
        <v>526</v>
      </c>
      <c r="E273" s="3" t="s">
        <v>47</v>
      </c>
      <c r="F273" s="3" t="s">
        <v>272</v>
      </c>
      <c r="G273" s="3" t="s">
        <v>273</v>
      </c>
      <c r="H273" s="3" t="s">
        <v>87</v>
      </c>
      <c r="I273" s="3" t="s">
        <v>50</v>
      </c>
      <c r="J273" s="3" t="s">
        <v>274</v>
      </c>
      <c r="K273" s="3" t="s">
        <v>32</v>
      </c>
      <c r="L273" s="3" t="s">
        <v>33</v>
      </c>
      <c r="M273" s="3" t="s">
        <v>34</v>
      </c>
      <c r="N273" s="3" t="s">
        <v>69</v>
      </c>
      <c r="O273" s="3" t="s">
        <v>53</v>
      </c>
      <c r="P273" s="3" t="s">
        <v>54</v>
      </c>
      <c r="Q273" s="3" t="s">
        <v>37</v>
      </c>
      <c r="R273" s="3" t="s">
        <v>39</v>
      </c>
      <c r="S273" s="3" t="s">
        <v>275</v>
      </c>
      <c r="T273" s="3" t="s">
        <v>37</v>
      </c>
      <c r="U273" s="3" t="s">
        <v>37</v>
      </c>
      <c r="V273" s="3" t="s">
        <v>37</v>
      </c>
    </row>
    <row r="274" spans="1:22" x14ac:dyDescent="0.25">
      <c r="A274" s="3" t="s">
        <v>22</v>
      </c>
      <c r="B274" s="4" t="s">
        <v>822</v>
      </c>
      <c r="C274" s="3" t="s">
        <v>823</v>
      </c>
      <c r="D274" s="5" t="s">
        <v>219</v>
      </c>
      <c r="E274" s="3" t="s">
        <v>463</v>
      </c>
      <c r="F274" s="3" t="s">
        <v>897</v>
      </c>
      <c r="G274" s="3" t="s">
        <v>798</v>
      </c>
      <c r="H274" s="3" t="s">
        <v>87</v>
      </c>
      <c r="I274" s="3" t="s">
        <v>898</v>
      </c>
      <c r="J274" s="3" t="s">
        <v>899</v>
      </c>
      <c r="K274" s="3" t="s">
        <v>32</v>
      </c>
      <c r="L274" s="3" t="s">
        <v>114</v>
      </c>
      <c r="M274" s="3" t="s">
        <v>68</v>
      </c>
      <c r="N274" s="3" t="s">
        <v>69</v>
      </c>
      <c r="O274" s="3" t="s">
        <v>53</v>
      </c>
      <c r="P274" s="3" t="s">
        <v>54</v>
      </c>
      <c r="Q274" s="3" t="s">
        <v>37</v>
      </c>
      <c r="R274" s="3" t="s">
        <v>39</v>
      </c>
      <c r="S274" s="3" t="s">
        <v>900</v>
      </c>
      <c r="T274" s="3" t="s">
        <v>37</v>
      </c>
      <c r="U274" s="3" t="s">
        <v>37</v>
      </c>
      <c r="V274" s="3" t="s">
        <v>37</v>
      </c>
    </row>
    <row r="275" spans="1:22" x14ac:dyDescent="0.25">
      <c r="A275" s="3" t="s">
        <v>22</v>
      </c>
      <c r="B275" s="4" t="s">
        <v>822</v>
      </c>
      <c r="C275" s="3" t="s">
        <v>823</v>
      </c>
      <c r="D275" s="5" t="s">
        <v>225</v>
      </c>
      <c r="E275" s="3" t="s">
        <v>463</v>
      </c>
      <c r="F275" s="3" t="s">
        <v>901</v>
      </c>
      <c r="G275" s="3" t="s">
        <v>546</v>
      </c>
      <c r="H275" s="3" t="s">
        <v>87</v>
      </c>
      <c r="I275" s="3" t="s">
        <v>902</v>
      </c>
      <c r="J275" s="3" t="s">
        <v>903</v>
      </c>
      <c r="K275" s="3" t="s">
        <v>32</v>
      </c>
      <c r="L275" s="3" t="s">
        <v>114</v>
      </c>
      <c r="M275" s="3" t="s">
        <v>68</v>
      </c>
      <c r="N275" s="3" t="s">
        <v>69</v>
      </c>
      <c r="O275" s="3" t="s">
        <v>36</v>
      </c>
      <c r="P275" s="3" t="s">
        <v>54</v>
      </c>
      <c r="Q275" s="3" t="s">
        <v>37</v>
      </c>
      <c r="R275" s="3" t="s">
        <v>39</v>
      </c>
      <c r="S275" s="3" t="s">
        <v>904</v>
      </c>
      <c r="T275" s="3" t="s">
        <v>37</v>
      </c>
      <c r="U275" s="3" t="s">
        <v>37</v>
      </c>
      <c r="V275" s="3" t="s">
        <v>37</v>
      </c>
    </row>
    <row r="276" spans="1:22" x14ac:dyDescent="0.25">
      <c r="A276" s="3" t="s">
        <v>22</v>
      </c>
      <c r="B276" s="4" t="s">
        <v>822</v>
      </c>
      <c r="C276" s="3" t="s">
        <v>823</v>
      </c>
      <c r="D276" s="5" t="s">
        <v>230</v>
      </c>
      <c r="E276" s="3" t="s">
        <v>187</v>
      </c>
      <c r="F276" s="3" t="s">
        <v>188</v>
      </c>
      <c r="G276" s="3" t="s">
        <v>189</v>
      </c>
      <c r="H276" s="3" t="s">
        <v>59</v>
      </c>
      <c r="I276" s="3" t="s">
        <v>37</v>
      </c>
      <c r="J276" s="3" t="s">
        <v>37</v>
      </c>
      <c r="K276" s="3" t="s">
        <v>32</v>
      </c>
      <c r="L276" s="3" t="s">
        <v>114</v>
      </c>
      <c r="M276" s="3" t="s">
        <v>68</v>
      </c>
      <c r="N276" s="3" t="s">
        <v>190</v>
      </c>
      <c r="O276" s="3" t="s">
        <v>53</v>
      </c>
      <c r="P276" s="3" t="s">
        <v>54</v>
      </c>
      <c r="Q276" s="3" t="s">
        <v>37</v>
      </c>
      <c r="R276" s="3" t="s">
        <v>39</v>
      </c>
      <c r="S276" s="3" t="s">
        <v>191</v>
      </c>
      <c r="T276" s="3" t="s">
        <v>37</v>
      </c>
      <c r="U276" s="3" t="s">
        <v>37</v>
      </c>
      <c r="V276" s="3" t="s">
        <v>37</v>
      </c>
    </row>
    <row r="277" spans="1:22" x14ac:dyDescent="0.25">
      <c r="A277" s="3" t="s">
        <v>22</v>
      </c>
      <c r="B277" s="4" t="s">
        <v>822</v>
      </c>
      <c r="C277" s="3" t="s">
        <v>823</v>
      </c>
      <c r="D277" s="5" t="s">
        <v>235</v>
      </c>
      <c r="E277" s="3" t="s">
        <v>187</v>
      </c>
      <c r="F277" s="3" t="s">
        <v>193</v>
      </c>
      <c r="G277" s="3" t="s">
        <v>171</v>
      </c>
      <c r="H277" s="3" t="s">
        <v>59</v>
      </c>
      <c r="I277" s="3" t="s">
        <v>37</v>
      </c>
      <c r="J277" s="3" t="s">
        <v>194</v>
      </c>
      <c r="K277" s="3" t="s">
        <v>32</v>
      </c>
      <c r="L277" s="3" t="s">
        <v>114</v>
      </c>
      <c r="M277" s="3" t="s">
        <v>68</v>
      </c>
      <c r="N277" s="3" t="s">
        <v>190</v>
      </c>
      <c r="O277" s="3" t="s">
        <v>36</v>
      </c>
      <c r="P277" s="3" t="s">
        <v>54</v>
      </c>
      <c r="Q277" s="3" t="s">
        <v>37</v>
      </c>
      <c r="R277" s="3" t="s">
        <v>39</v>
      </c>
      <c r="S277" s="3" t="s">
        <v>195</v>
      </c>
      <c r="T277" s="3" t="s">
        <v>37</v>
      </c>
      <c r="U277" s="3" t="s">
        <v>37</v>
      </c>
      <c r="V277" s="3" t="s">
        <v>37</v>
      </c>
    </row>
    <row r="278" spans="1:22" x14ac:dyDescent="0.25">
      <c r="A278" s="3" t="s">
        <v>22</v>
      </c>
      <c r="B278" s="4" t="s">
        <v>822</v>
      </c>
      <c r="C278" s="3" t="s">
        <v>823</v>
      </c>
      <c r="D278" s="5" t="s">
        <v>239</v>
      </c>
      <c r="E278" s="3" t="s">
        <v>544</v>
      </c>
      <c r="F278" s="3" t="s">
        <v>905</v>
      </c>
      <c r="G278" s="3" t="s">
        <v>97</v>
      </c>
      <c r="H278" s="3" t="s">
        <v>29</v>
      </c>
      <c r="I278" s="3" t="s">
        <v>906</v>
      </c>
      <c r="J278" s="3" t="s">
        <v>907</v>
      </c>
      <c r="K278" s="3" t="s">
        <v>32</v>
      </c>
      <c r="L278" s="3" t="s">
        <v>114</v>
      </c>
      <c r="M278" s="3" t="s">
        <v>549</v>
      </c>
      <c r="N278" s="3" t="s">
        <v>550</v>
      </c>
      <c r="O278" s="3" t="s">
        <v>652</v>
      </c>
      <c r="P278" s="3" t="s">
        <v>54</v>
      </c>
      <c r="Q278" s="3" t="s">
        <v>38</v>
      </c>
      <c r="R278" s="3" t="s">
        <v>39</v>
      </c>
      <c r="S278" s="3" t="s">
        <v>908</v>
      </c>
      <c r="T278" s="3" t="s">
        <v>37</v>
      </c>
      <c r="U278" s="3" t="s">
        <v>37</v>
      </c>
      <c r="V278" s="3" t="s">
        <v>37</v>
      </c>
    </row>
    <row r="279" spans="1:22" x14ac:dyDescent="0.25">
      <c r="A279" s="3"/>
      <c r="B279" s="4"/>
      <c r="C279" s="3"/>
      <c r="D279" s="5"/>
      <c r="E279" s="6" t="s">
        <v>250</v>
      </c>
      <c r="F279" s="3"/>
      <c r="G279" s="3"/>
      <c r="H279" s="3"/>
      <c r="I279" s="3"/>
      <c r="J279" s="3"/>
      <c r="K279" s="3"/>
      <c r="L279" s="3"/>
      <c r="M279" s="3"/>
      <c r="N279" s="3"/>
      <c r="O279" s="3"/>
      <c r="P279" s="3"/>
      <c r="Q279" s="3"/>
      <c r="R279" s="3"/>
      <c r="S279" s="3"/>
      <c r="T279" s="3"/>
      <c r="U279" s="3"/>
      <c r="V279" s="3"/>
    </row>
    <row r="280" spans="1:22" x14ac:dyDescent="0.25">
      <c r="A280" s="3"/>
      <c r="B280" s="4"/>
      <c r="C280" s="3"/>
      <c r="D280" s="5"/>
      <c r="E280" s="3"/>
      <c r="F280" s="3"/>
      <c r="G280" s="3"/>
      <c r="H280" s="3"/>
      <c r="I280" s="3"/>
      <c r="J280" s="3"/>
      <c r="K280" s="3"/>
      <c r="L280" s="3"/>
      <c r="M280" s="3"/>
      <c r="N280" s="3"/>
      <c r="O280" s="3"/>
      <c r="P280" s="3"/>
      <c r="Q280" s="3"/>
      <c r="R280" s="3"/>
      <c r="S280" s="3"/>
      <c r="T280" s="3"/>
      <c r="U280" s="3"/>
      <c r="V280" s="3"/>
    </row>
  </sheetData>
  <pageMargins left="0.7" right="0.7" top="0.75" bottom="0.75" header="0.3" footer="0.3"/>
  <pageSetup orientation="portrait" r:id="rId1"/>
  <tableParts count="1">
    <tablePart r:id="rId2"/>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350"/>
  <sheetViews>
    <sheetView workbookViewId="0">
      <selection sqref="A1:W1048576"/>
    </sheetView>
  </sheetViews>
  <sheetFormatPr defaultRowHeight="15" x14ac:dyDescent="0.25"/>
  <cols>
    <col min="1" max="1" width="15.5703125" customWidth="1"/>
    <col min="2" max="2" width="12.42578125" customWidth="1"/>
    <col min="3" max="3" width="11.28515625" customWidth="1"/>
    <col min="4" max="4" width="13.42578125" customWidth="1"/>
    <col min="5" max="5" width="56.85546875" customWidth="1"/>
    <col min="6" max="6" width="51.85546875" customWidth="1"/>
    <col min="7" max="8" width="13.140625" customWidth="1"/>
    <col min="9" max="10" width="93.42578125" customWidth="1"/>
    <col min="11" max="12" width="25.42578125" customWidth="1"/>
    <col min="13" max="14" width="19.28515625" customWidth="1"/>
    <col min="15" max="15" width="16.28515625" customWidth="1"/>
    <col min="16" max="17" width="18.28515625" customWidth="1"/>
    <col min="18" max="18" width="19.7109375" customWidth="1"/>
    <col min="19" max="19" width="20.28515625" customWidth="1"/>
    <col min="20" max="21" width="15.140625" customWidth="1"/>
    <col min="22" max="22" width="18.28515625" customWidth="1"/>
  </cols>
  <sheetData>
    <row r="1" spans="1:23"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c r="W1" s="1"/>
    </row>
    <row r="2" spans="1:23" x14ac:dyDescent="0.25">
      <c r="A2" s="3" t="s">
        <v>911</v>
      </c>
      <c r="B2" s="4" t="s">
        <v>23</v>
      </c>
      <c r="C2" s="3" t="s">
        <v>24</v>
      </c>
      <c r="D2" s="5" t="s">
        <v>25</v>
      </c>
      <c r="E2" s="3" t="s">
        <v>912</v>
      </c>
      <c r="F2" s="3" t="s">
        <v>913</v>
      </c>
      <c r="G2" s="3" t="s">
        <v>914</v>
      </c>
      <c r="H2" s="3" t="s">
        <v>87</v>
      </c>
      <c r="I2" s="3" t="s">
        <v>1547</v>
      </c>
      <c r="J2" s="3" t="s">
        <v>915</v>
      </c>
      <c r="K2" s="3" t="s">
        <v>32</v>
      </c>
      <c r="L2" s="3" t="s">
        <v>33</v>
      </c>
      <c r="M2" s="3" t="s">
        <v>68</v>
      </c>
      <c r="N2" s="3" t="s">
        <v>916</v>
      </c>
      <c r="O2" s="3" t="s">
        <v>223</v>
      </c>
      <c r="P2" s="3" t="s">
        <v>37</v>
      </c>
      <c r="Q2" s="3" t="s">
        <v>37</v>
      </c>
      <c r="R2" s="3" t="s">
        <v>39</v>
      </c>
      <c r="S2" s="3" t="s">
        <v>917</v>
      </c>
      <c r="T2" s="3" t="s">
        <v>37</v>
      </c>
      <c r="U2" s="3" t="s">
        <v>37</v>
      </c>
      <c r="V2" s="3" t="s">
        <v>37</v>
      </c>
    </row>
    <row r="3" spans="1:23" x14ac:dyDescent="0.25">
      <c r="A3" s="3" t="s">
        <v>911</v>
      </c>
      <c r="B3" s="4" t="s">
        <v>23</v>
      </c>
      <c r="C3" s="3" t="s">
        <v>24</v>
      </c>
      <c r="D3" s="5" t="s">
        <v>918</v>
      </c>
      <c r="E3" s="3" t="s">
        <v>912</v>
      </c>
      <c r="F3" s="3" t="s">
        <v>919</v>
      </c>
      <c r="G3" s="3" t="s">
        <v>29</v>
      </c>
      <c r="H3" s="3" t="s">
        <v>29</v>
      </c>
      <c r="I3" s="3" t="s">
        <v>920</v>
      </c>
      <c r="J3" s="3" t="s">
        <v>921</v>
      </c>
      <c r="K3" s="3" t="s">
        <v>32</v>
      </c>
      <c r="L3" s="3" t="s">
        <v>33</v>
      </c>
      <c r="M3" s="3" t="s">
        <v>68</v>
      </c>
      <c r="N3" s="3" t="s">
        <v>916</v>
      </c>
      <c r="O3" s="3" t="s">
        <v>223</v>
      </c>
      <c r="P3" s="3" t="s">
        <v>37</v>
      </c>
      <c r="Q3" s="3" t="s">
        <v>37</v>
      </c>
      <c r="R3" s="3" t="s">
        <v>39</v>
      </c>
      <c r="S3" s="3" t="s">
        <v>922</v>
      </c>
      <c r="T3" s="3" t="s">
        <v>37</v>
      </c>
      <c r="U3" s="3" t="s">
        <v>37</v>
      </c>
      <c r="V3" s="3" t="s">
        <v>37</v>
      </c>
    </row>
    <row r="4" spans="1:23" x14ac:dyDescent="0.25">
      <c r="A4" s="3" t="s">
        <v>911</v>
      </c>
      <c r="B4" s="4" t="s">
        <v>23</v>
      </c>
      <c r="C4" s="3" t="s">
        <v>24</v>
      </c>
      <c r="D4" s="5" t="s">
        <v>46</v>
      </c>
      <c r="E4" s="3" t="s">
        <v>923</v>
      </c>
      <c r="F4" s="3" t="s">
        <v>924</v>
      </c>
      <c r="G4" s="3" t="s">
        <v>201</v>
      </c>
      <c r="H4" s="3" t="s">
        <v>29</v>
      </c>
      <c r="I4" s="3" t="s">
        <v>925</v>
      </c>
      <c r="J4" s="3" t="s">
        <v>926</v>
      </c>
      <c r="K4" s="3" t="s">
        <v>32</v>
      </c>
      <c r="L4" s="3" t="s">
        <v>33</v>
      </c>
      <c r="M4" s="3" t="s">
        <v>34</v>
      </c>
      <c r="N4" s="3" t="s">
        <v>69</v>
      </c>
      <c r="O4" s="3" t="s">
        <v>53</v>
      </c>
      <c r="P4" s="3" t="s">
        <v>37</v>
      </c>
      <c r="Q4" s="3" t="s">
        <v>37</v>
      </c>
      <c r="R4" s="3" t="s">
        <v>39</v>
      </c>
      <c r="S4" s="3" t="s">
        <v>927</v>
      </c>
      <c r="T4" s="3" t="s">
        <v>37</v>
      </c>
      <c r="U4" s="3" t="s">
        <v>37</v>
      </c>
      <c r="V4" s="3" t="s">
        <v>37</v>
      </c>
    </row>
    <row r="5" spans="1:23" x14ac:dyDescent="0.25">
      <c r="A5" s="3" t="s">
        <v>911</v>
      </c>
      <c r="B5" s="4" t="s">
        <v>23</v>
      </c>
      <c r="C5" s="3" t="s">
        <v>24</v>
      </c>
      <c r="D5" s="5" t="s">
        <v>928</v>
      </c>
      <c r="E5" s="3" t="s">
        <v>929</v>
      </c>
      <c r="F5" s="3" t="s">
        <v>930</v>
      </c>
      <c r="G5" s="3" t="s">
        <v>66</v>
      </c>
      <c r="H5" s="3" t="s">
        <v>29</v>
      </c>
      <c r="I5" s="3" t="s">
        <v>37</v>
      </c>
      <c r="J5" s="7" t="s">
        <v>931</v>
      </c>
      <c r="K5" s="3" t="s">
        <v>32</v>
      </c>
      <c r="L5" s="3" t="s">
        <v>33</v>
      </c>
      <c r="M5" s="3" t="s">
        <v>68</v>
      </c>
      <c r="N5" s="3" t="s">
        <v>69</v>
      </c>
      <c r="O5" s="3" t="s">
        <v>53</v>
      </c>
      <c r="P5" s="3" t="s">
        <v>37</v>
      </c>
      <c r="Q5" s="3" t="s">
        <v>37</v>
      </c>
      <c r="R5" s="3" t="s">
        <v>39</v>
      </c>
      <c r="S5" s="3" t="s">
        <v>932</v>
      </c>
      <c r="T5" s="3" t="s">
        <v>37</v>
      </c>
      <c r="U5" s="3" t="s">
        <v>37</v>
      </c>
      <c r="V5" s="3" t="s">
        <v>37</v>
      </c>
    </row>
    <row r="6" spans="1:23" x14ac:dyDescent="0.25">
      <c r="A6" s="3" t="s">
        <v>911</v>
      </c>
      <c r="B6" s="4" t="s">
        <v>23</v>
      </c>
      <c r="C6" s="3" t="s">
        <v>24</v>
      </c>
      <c r="D6" s="5" t="s">
        <v>933</v>
      </c>
      <c r="E6" s="3" t="s">
        <v>934</v>
      </c>
      <c r="F6" s="3" t="s">
        <v>935</v>
      </c>
      <c r="G6" s="3" t="s">
        <v>280</v>
      </c>
      <c r="H6" s="3" t="s">
        <v>29</v>
      </c>
      <c r="I6" s="3" t="s">
        <v>942</v>
      </c>
      <c r="J6" s="8" t="s">
        <v>937</v>
      </c>
      <c r="K6" s="3" t="s">
        <v>32</v>
      </c>
      <c r="L6" s="3" t="s">
        <v>33</v>
      </c>
      <c r="M6" s="3" t="s">
        <v>938</v>
      </c>
      <c r="N6" s="3" t="s">
        <v>190</v>
      </c>
      <c r="O6" s="3" t="s">
        <v>158</v>
      </c>
      <c r="P6" s="3" t="s">
        <v>37</v>
      </c>
      <c r="Q6" s="3" t="s">
        <v>37</v>
      </c>
      <c r="R6" s="3" t="s">
        <v>39</v>
      </c>
      <c r="S6" s="3" t="s">
        <v>939</v>
      </c>
      <c r="T6" s="3" t="s">
        <v>37</v>
      </c>
      <c r="U6" s="3" t="s">
        <v>37</v>
      </c>
      <c r="V6" s="3" t="s">
        <v>37</v>
      </c>
    </row>
    <row r="7" spans="1:23" x14ac:dyDescent="0.25">
      <c r="A7" s="3" t="s">
        <v>911</v>
      </c>
      <c r="B7" s="4" t="s">
        <v>23</v>
      </c>
      <c r="C7" s="3" t="s">
        <v>24</v>
      </c>
      <c r="D7" s="5" t="s">
        <v>940</v>
      </c>
      <c r="E7" s="3" t="s">
        <v>934</v>
      </c>
      <c r="F7" s="3" t="s">
        <v>941</v>
      </c>
      <c r="G7" s="3" t="s">
        <v>140</v>
      </c>
      <c r="H7" s="3" t="s">
        <v>29</v>
      </c>
      <c r="I7" s="3" t="s">
        <v>936</v>
      </c>
      <c r="J7" s="8" t="s">
        <v>937</v>
      </c>
      <c r="K7" s="3" t="s">
        <v>32</v>
      </c>
      <c r="L7" s="3" t="s">
        <v>33</v>
      </c>
      <c r="M7" s="3" t="s">
        <v>938</v>
      </c>
      <c r="N7" s="3" t="s">
        <v>190</v>
      </c>
      <c r="O7" s="3" t="s">
        <v>158</v>
      </c>
      <c r="P7" s="3" t="s">
        <v>37</v>
      </c>
      <c r="Q7" s="3" t="s">
        <v>37</v>
      </c>
      <c r="R7" s="3" t="s">
        <v>39</v>
      </c>
      <c r="S7" s="3" t="s">
        <v>943</v>
      </c>
      <c r="T7" s="3" t="s">
        <v>37</v>
      </c>
      <c r="U7" s="3" t="s">
        <v>37</v>
      </c>
      <c r="V7" s="3" t="s">
        <v>37</v>
      </c>
    </row>
    <row r="8" spans="1:23" x14ac:dyDescent="0.25">
      <c r="A8" s="3" t="s">
        <v>911</v>
      </c>
      <c r="B8" s="4" t="s">
        <v>23</v>
      </c>
      <c r="C8" s="3" t="s">
        <v>24</v>
      </c>
      <c r="D8" s="5" t="s">
        <v>70</v>
      </c>
      <c r="E8" s="3" t="s">
        <v>934</v>
      </c>
      <c r="F8" s="3" t="s">
        <v>944</v>
      </c>
      <c r="G8" s="3" t="s">
        <v>439</v>
      </c>
      <c r="H8" s="3" t="s">
        <v>29</v>
      </c>
      <c r="I8" s="3" t="s">
        <v>942</v>
      </c>
      <c r="J8" s="8" t="s">
        <v>937</v>
      </c>
      <c r="K8" s="3" t="s">
        <v>32</v>
      </c>
      <c r="L8" s="3" t="s">
        <v>33</v>
      </c>
      <c r="M8" s="3" t="s">
        <v>938</v>
      </c>
      <c r="N8" s="3" t="s">
        <v>190</v>
      </c>
      <c r="O8" s="3" t="s">
        <v>158</v>
      </c>
      <c r="P8" s="3" t="s">
        <v>37</v>
      </c>
      <c r="Q8" s="3" t="s">
        <v>37</v>
      </c>
      <c r="R8" s="3" t="s">
        <v>39</v>
      </c>
      <c r="S8" s="3" t="s">
        <v>945</v>
      </c>
      <c r="T8" s="3" t="s">
        <v>37</v>
      </c>
      <c r="U8" s="3" t="s">
        <v>37</v>
      </c>
      <c r="V8" s="3" t="s">
        <v>37</v>
      </c>
    </row>
    <row r="9" spans="1:23" x14ac:dyDescent="0.25">
      <c r="A9" s="3" t="s">
        <v>911</v>
      </c>
      <c r="B9" s="4" t="s">
        <v>23</v>
      </c>
      <c r="C9" s="3" t="s">
        <v>24</v>
      </c>
      <c r="D9" s="5" t="s">
        <v>946</v>
      </c>
      <c r="E9" s="3" t="s">
        <v>934</v>
      </c>
      <c r="F9" s="3" t="s">
        <v>947</v>
      </c>
      <c r="G9" s="3" t="s">
        <v>563</v>
      </c>
      <c r="H9" s="3" t="s">
        <v>29</v>
      </c>
      <c r="I9" s="3" t="s">
        <v>942</v>
      </c>
      <c r="J9" s="8" t="s">
        <v>937</v>
      </c>
      <c r="K9" s="3" t="s">
        <v>32</v>
      </c>
      <c r="L9" s="3" t="s">
        <v>33</v>
      </c>
      <c r="M9" s="3" t="s">
        <v>938</v>
      </c>
      <c r="N9" s="3" t="s">
        <v>190</v>
      </c>
      <c r="O9" s="3" t="s">
        <v>158</v>
      </c>
      <c r="P9" s="3" t="s">
        <v>37</v>
      </c>
      <c r="Q9" s="3" t="s">
        <v>37</v>
      </c>
      <c r="R9" s="3" t="s">
        <v>39</v>
      </c>
      <c r="S9" s="3" t="s">
        <v>948</v>
      </c>
      <c r="T9" s="3" t="s">
        <v>37</v>
      </c>
      <c r="U9" s="3" t="s">
        <v>37</v>
      </c>
      <c r="V9" s="3" t="s">
        <v>37</v>
      </c>
    </row>
    <row r="10" spans="1:23" x14ac:dyDescent="0.25">
      <c r="A10" s="3" t="s">
        <v>911</v>
      </c>
      <c r="B10" s="4" t="s">
        <v>23</v>
      </c>
      <c r="C10" s="3" t="s">
        <v>24</v>
      </c>
      <c r="D10" s="5" t="s">
        <v>949</v>
      </c>
      <c r="E10" s="3" t="s">
        <v>934</v>
      </c>
      <c r="F10" s="3" t="s">
        <v>950</v>
      </c>
      <c r="G10" s="3" t="s">
        <v>147</v>
      </c>
      <c r="H10" s="3" t="s">
        <v>29</v>
      </c>
      <c r="I10" s="3" t="s">
        <v>936</v>
      </c>
      <c r="J10" s="8" t="s">
        <v>937</v>
      </c>
      <c r="K10" s="3" t="s">
        <v>32</v>
      </c>
      <c r="L10" s="3" t="s">
        <v>33</v>
      </c>
      <c r="M10" s="3" t="s">
        <v>938</v>
      </c>
      <c r="N10" s="3" t="s">
        <v>190</v>
      </c>
      <c r="O10" s="3" t="s">
        <v>158</v>
      </c>
      <c r="P10" s="3" t="s">
        <v>37</v>
      </c>
      <c r="Q10" s="3" t="s">
        <v>37</v>
      </c>
      <c r="R10" s="3" t="s">
        <v>39</v>
      </c>
      <c r="S10" s="3" t="s">
        <v>951</v>
      </c>
      <c r="T10" s="3" t="s">
        <v>37</v>
      </c>
      <c r="U10" s="3" t="s">
        <v>37</v>
      </c>
      <c r="V10" s="3" t="s">
        <v>37</v>
      </c>
    </row>
    <row r="11" spans="1:23" x14ac:dyDescent="0.25">
      <c r="A11" s="3" t="s">
        <v>911</v>
      </c>
      <c r="B11" s="4" t="s">
        <v>23</v>
      </c>
      <c r="C11" s="3" t="s">
        <v>24</v>
      </c>
      <c r="D11" s="5" t="s">
        <v>79</v>
      </c>
      <c r="E11" s="3" t="s">
        <v>934</v>
      </c>
      <c r="F11" s="3" t="s">
        <v>952</v>
      </c>
      <c r="G11" s="3" t="s">
        <v>66</v>
      </c>
      <c r="H11" s="3" t="s">
        <v>29</v>
      </c>
      <c r="I11" s="3" t="s">
        <v>936</v>
      </c>
      <c r="J11" s="3" t="s">
        <v>953</v>
      </c>
      <c r="K11" s="3" t="s">
        <v>32</v>
      </c>
      <c r="L11" s="3" t="s">
        <v>33</v>
      </c>
      <c r="M11" s="3" t="s">
        <v>938</v>
      </c>
      <c r="N11" s="3" t="s">
        <v>190</v>
      </c>
      <c r="O11" s="3" t="s">
        <v>158</v>
      </c>
      <c r="P11" s="3" t="s">
        <v>37</v>
      </c>
      <c r="Q11" s="3" t="s">
        <v>37</v>
      </c>
      <c r="R11" s="3" t="s">
        <v>39</v>
      </c>
      <c r="S11" s="3" t="s">
        <v>954</v>
      </c>
      <c r="T11" s="3" t="s">
        <v>37</v>
      </c>
      <c r="U11" s="3" t="s">
        <v>37</v>
      </c>
      <c r="V11" s="3" t="s">
        <v>37</v>
      </c>
    </row>
    <row r="12" spans="1:23" x14ac:dyDescent="0.25">
      <c r="A12" s="3" t="s">
        <v>911</v>
      </c>
      <c r="B12" s="4" t="s">
        <v>23</v>
      </c>
      <c r="C12" s="3" t="s">
        <v>24</v>
      </c>
      <c r="D12" s="5" t="s">
        <v>955</v>
      </c>
      <c r="E12" s="3" t="s">
        <v>956</v>
      </c>
      <c r="F12" s="3" t="s">
        <v>957</v>
      </c>
      <c r="G12" s="3" t="s">
        <v>513</v>
      </c>
      <c r="H12" s="3" t="s">
        <v>87</v>
      </c>
      <c r="I12" s="3" t="s">
        <v>37</v>
      </c>
      <c r="J12" s="3" t="s">
        <v>958</v>
      </c>
      <c r="K12" s="3" t="s">
        <v>32</v>
      </c>
      <c r="L12" s="3" t="s">
        <v>33</v>
      </c>
      <c r="M12" s="3" t="s">
        <v>68</v>
      </c>
      <c r="N12" s="3" t="s">
        <v>190</v>
      </c>
      <c r="O12" s="3" t="s">
        <v>223</v>
      </c>
      <c r="P12" s="3" t="s">
        <v>37</v>
      </c>
      <c r="Q12" s="3" t="s">
        <v>37</v>
      </c>
      <c r="R12" s="3" t="s">
        <v>39</v>
      </c>
      <c r="S12" s="3" t="s">
        <v>959</v>
      </c>
      <c r="T12" s="3" t="s">
        <v>37</v>
      </c>
      <c r="U12" s="3" t="s">
        <v>37</v>
      </c>
      <c r="V12" s="3" t="s">
        <v>37</v>
      </c>
    </row>
    <row r="13" spans="1:23" x14ac:dyDescent="0.25">
      <c r="A13" s="3" t="s">
        <v>911</v>
      </c>
      <c r="B13" s="4" t="s">
        <v>23</v>
      </c>
      <c r="C13" s="3" t="s">
        <v>24</v>
      </c>
      <c r="D13" s="5" t="s">
        <v>960</v>
      </c>
      <c r="E13" s="3" t="s">
        <v>956</v>
      </c>
      <c r="F13" s="3" t="s">
        <v>961</v>
      </c>
      <c r="G13" s="3" t="s">
        <v>86</v>
      </c>
      <c r="H13" s="3" t="s">
        <v>87</v>
      </c>
      <c r="I13" s="3" t="s">
        <v>37</v>
      </c>
      <c r="J13" s="3" t="s">
        <v>962</v>
      </c>
      <c r="K13" s="3" t="s">
        <v>32</v>
      </c>
      <c r="L13" s="3" t="s">
        <v>33</v>
      </c>
      <c r="M13" s="3" t="s">
        <v>68</v>
      </c>
      <c r="N13" s="3" t="s">
        <v>190</v>
      </c>
      <c r="O13" s="3" t="s">
        <v>223</v>
      </c>
      <c r="P13" s="3" t="s">
        <v>37</v>
      </c>
      <c r="Q13" s="3" t="s">
        <v>37</v>
      </c>
      <c r="R13" s="3" t="s">
        <v>39</v>
      </c>
      <c r="S13" s="3" t="s">
        <v>963</v>
      </c>
      <c r="T13" s="3" t="s">
        <v>37</v>
      </c>
      <c r="U13" s="3" t="s">
        <v>37</v>
      </c>
      <c r="V13" s="3" t="s">
        <v>37</v>
      </c>
    </row>
    <row r="14" spans="1:23" x14ac:dyDescent="0.25">
      <c r="A14" s="3" t="s">
        <v>911</v>
      </c>
      <c r="B14" s="4" t="s">
        <v>23</v>
      </c>
      <c r="C14" s="3" t="s">
        <v>24</v>
      </c>
      <c r="D14" s="5" t="s">
        <v>964</v>
      </c>
      <c r="E14" s="3" t="s">
        <v>965</v>
      </c>
      <c r="F14" s="3" t="s">
        <v>966</v>
      </c>
      <c r="G14" s="3" t="s">
        <v>367</v>
      </c>
      <c r="H14" s="3" t="s">
        <v>59</v>
      </c>
      <c r="I14" s="3" t="s">
        <v>1548</v>
      </c>
      <c r="J14" s="7" t="s">
        <v>967</v>
      </c>
      <c r="K14" s="3" t="s">
        <v>32</v>
      </c>
      <c r="L14" s="3" t="s">
        <v>33</v>
      </c>
      <c r="M14" s="3" t="s">
        <v>68</v>
      </c>
      <c r="N14" s="3" t="s">
        <v>190</v>
      </c>
      <c r="O14" s="3" t="s">
        <v>37</v>
      </c>
      <c r="P14" s="3" t="s">
        <v>37</v>
      </c>
      <c r="Q14" s="3" t="s">
        <v>37</v>
      </c>
      <c r="R14" s="3" t="s">
        <v>39</v>
      </c>
      <c r="S14" s="3" t="s">
        <v>968</v>
      </c>
      <c r="T14" s="3"/>
      <c r="U14" s="3" t="s">
        <v>37</v>
      </c>
      <c r="V14" s="3" t="s">
        <v>37</v>
      </c>
    </row>
    <row r="15" spans="1:23" x14ac:dyDescent="0.25">
      <c r="A15" s="3" t="s">
        <v>911</v>
      </c>
      <c r="B15" s="4" t="s">
        <v>23</v>
      </c>
      <c r="C15" s="3" t="s">
        <v>24</v>
      </c>
      <c r="D15" s="5" t="s">
        <v>969</v>
      </c>
      <c r="E15" s="3" t="s">
        <v>956</v>
      </c>
      <c r="F15" s="3" t="s">
        <v>970</v>
      </c>
      <c r="G15" s="3" t="s">
        <v>571</v>
      </c>
      <c r="H15" s="3" t="s">
        <v>87</v>
      </c>
      <c r="I15" s="3" t="s">
        <v>37</v>
      </c>
      <c r="J15" s="7" t="s">
        <v>971</v>
      </c>
      <c r="K15" s="3" t="s">
        <v>32</v>
      </c>
      <c r="L15" s="3" t="s">
        <v>33</v>
      </c>
      <c r="M15" s="3" t="s">
        <v>68</v>
      </c>
      <c r="N15" s="3" t="s">
        <v>190</v>
      </c>
      <c r="O15" s="3" t="s">
        <v>37</v>
      </c>
      <c r="P15" s="3" t="s">
        <v>37</v>
      </c>
      <c r="Q15" s="3" t="s">
        <v>37</v>
      </c>
      <c r="R15" s="3" t="s">
        <v>39</v>
      </c>
      <c r="S15" s="3" t="s">
        <v>972</v>
      </c>
      <c r="T15" s="3"/>
      <c r="U15" s="3" t="s">
        <v>37</v>
      </c>
      <c r="V15" s="3" t="s">
        <v>37</v>
      </c>
    </row>
    <row r="16" spans="1:23" x14ac:dyDescent="0.25">
      <c r="A16" s="3" t="s">
        <v>911</v>
      </c>
      <c r="B16" s="4" t="s">
        <v>23</v>
      </c>
      <c r="C16" s="3" t="s">
        <v>24</v>
      </c>
      <c r="D16" s="5" t="s">
        <v>105</v>
      </c>
      <c r="E16" s="3" t="s">
        <v>973</v>
      </c>
      <c r="F16" s="3" t="s">
        <v>37</v>
      </c>
      <c r="G16" s="3">
        <v>1</v>
      </c>
      <c r="H16" s="3">
        <v>0</v>
      </c>
      <c r="I16" s="3" t="s">
        <v>974</v>
      </c>
      <c r="J16" s="3" t="s">
        <v>975</v>
      </c>
      <c r="K16" s="3" t="s">
        <v>33</v>
      </c>
      <c r="L16" s="3" t="s">
        <v>33</v>
      </c>
      <c r="M16" s="3" t="s">
        <v>68</v>
      </c>
      <c r="N16" s="3" t="s">
        <v>976</v>
      </c>
      <c r="O16" s="3" t="s">
        <v>977</v>
      </c>
      <c r="P16" s="3" t="s">
        <v>37</v>
      </c>
      <c r="Q16" s="3" t="s">
        <v>37</v>
      </c>
      <c r="R16" s="3" t="s">
        <v>39</v>
      </c>
      <c r="S16" s="3" t="s">
        <v>978</v>
      </c>
      <c r="T16" s="3" t="s">
        <v>37</v>
      </c>
      <c r="U16" s="3" t="s">
        <v>37</v>
      </c>
      <c r="V16" s="3" t="s">
        <v>37</v>
      </c>
    </row>
    <row r="17" spans="1:22" x14ac:dyDescent="0.25">
      <c r="A17" s="3" t="s">
        <v>911</v>
      </c>
      <c r="B17" s="4" t="s">
        <v>23</v>
      </c>
      <c r="C17" s="3" t="s">
        <v>24</v>
      </c>
      <c r="D17" s="5" t="s">
        <v>979</v>
      </c>
      <c r="E17" s="3" t="s">
        <v>929</v>
      </c>
      <c r="F17" s="3" t="s">
        <v>980</v>
      </c>
      <c r="G17" s="3" t="s">
        <v>636</v>
      </c>
      <c r="H17" s="3" t="s">
        <v>29</v>
      </c>
      <c r="I17" s="3" t="s">
        <v>37</v>
      </c>
      <c r="J17" s="7" t="s">
        <v>931</v>
      </c>
      <c r="K17" s="3" t="s">
        <v>32</v>
      </c>
      <c r="L17" s="3" t="s">
        <v>33</v>
      </c>
      <c r="M17" s="3" t="s">
        <v>68</v>
      </c>
      <c r="N17" s="3" t="s">
        <v>69</v>
      </c>
      <c r="O17" s="3" t="s">
        <v>53</v>
      </c>
      <c r="P17" s="3" t="s">
        <v>37</v>
      </c>
      <c r="Q17" s="3" t="s">
        <v>37</v>
      </c>
      <c r="R17" s="3" t="s">
        <v>39</v>
      </c>
      <c r="S17" s="3" t="s">
        <v>981</v>
      </c>
      <c r="T17" s="3" t="s">
        <v>37</v>
      </c>
      <c r="U17" s="3" t="s">
        <v>37</v>
      </c>
      <c r="V17" s="3" t="s">
        <v>37</v>
      </c>
    </row>
    <row r="18" spans="1:22" x14ac:dyDescent="0.25">
      <c r="A18" s="3" t="s">
        <v>911</v>
      </c>
      <c r="B18" s="4" t="s">
        <v>23</v>
      </c>
      <c r="C18" s="3" t="s">
        <v>24</v>
      </c>
      <c r="D18" s="5" t="s">
        <v>982</v>
      </c>
      <c r="E18" s="3" t="s">
        <v>929</v>
      </c>
      <c r="F18" s="3" t="s">
        <v>983</v>
      </c>
      <c r="G18" s="3" t="s">
        <v>414</v>
      </c>
      <c r="H18" s="3" t="s">
        <v>29</v>
      </c>
      <c r="I18" s="3" t="s">
        <v>37</v>
      </c>
      <c r="J18" s="7" t="s">
        <v>931</v>
      </c>
      <c r="K18" s="3" t="s">
        <v>32</v>
      </c>
      <c r="L18" s="3" t="s">
        <v>33</v>
      </c>
      <c r="M18" s="3" t="s">
        <v>68</v>
      </c>
      <c r="N18" s="3" t="s">
        <v>69</v>
      </c>
      <c r="O18" s="3" t="s">
        <v>53</v>
      </c>
      <c r="P18" s="3" t="s">
        <v>37</v>
      </c>
      <c r="Q18" s="3" t="s">
        <v>37</v>
      </c>
      <c r="R18" s="3" t="s">
        <v>39</v>
      </c>
      <c r="S18" s="3" t="s">
        <v>984</v>
      </c>
      <c r="T18" s="3" t="s">
        <v>37</v>
      </c>
      <c r="U18" s="3" t="s">
        <v>37</v>
      </c>
      <c r="V18" s="3" t="s">
        <v>37</v>
      </c>
    </row>
    <row r="19" spans="1:22" x14ac:dyDescent="0.25">
      <c r="A19" s="3" t="s">
        <v>911</v>
      </c>
      <c r="B19" s="4" t="s">
        <v>23</v>
      </c>
      <c r="C19" s="3" t="s">
        <v>24</v>
      </c>
      <c r="D19" s="5" t="s">
        <v>128</v>
      </c>
      <c r="E19" s="3" t="s">
        <v>929</v>
      </c>
      <c r="F19" s="3" t="s">
        <v>985</v>
      </c>
      <c r="G19" s="3" t="s">
        <v>134</v>
      </c>
      <c r="H19" s="3" t="s">
        <v>29</v>
      </c>
      <c r="I19" s="3" t="s">
        <v>37</v>
      </c>
      <c r="J19" s="3" t="s">
        <v>986</v>
      </c>
      <c r="K19" s="3" t="s">
        <v>32</v>
      </c>
      <c r="L19" s="3" t="s">
        <v>33</v>
      </c>
      <c r="M19" s="3" t="s">
        <v>68</v>
      </c>
      <c r="N19" s="3" t="s">
        <v>69</v>
      </c>
      <c r="O19" s="3" t="s">
        <v>53</v>
      </c>
      <c r="P19" s="3" t="s">
        <v>37</v>
      </c>
      <c r="Q19" s="3" t="s">
        <v>37</v>
      </c>
      <c r="R19" s="3" t="s">
        <v>39</v>
      </c>
      <c r="S19" s="3" t="s">
        <v>987</v>
      </c>
      <c r="T19" s="3" t="s">
        <v>37</v>
      </c>
      <c r="U19" s="3" t="s">
        <v>37</v>
      </c>
      <c r="V19" s="3" t="s">
        <v>37</v>
      </c>
    </row>
    <row r="20" spans="1:22" x14ac:dyDescent="0.25">
      <c r="A20" s="3" t="s">
        <v>911</v>
      </c>
      <c r="B20" s="4" t="s">
        <v>23</v>
      </c>
      <c r="C20" s="3" t="s">
        <v>24</v>
      </c>
      <c r="D20" s="5" t="s">
        <v>474</v>
      </c>
      <c r="E20" s="3" t="s">
        <v>929</v>
      </c>
      <c r="F20" s="3" t="s">
        <v>988</v>
      </c>
      <c r="G20" s="3" t="s">
        <v>28</v>
      </c>
      <c r="H20" s="3" t="s">
        <v>29</v>
      </c>
      <c r="I20" s="3" t="s">
        <v>37</v>
      </c>
      <c r="J20" s="3" t="s">
        <v>989</v>
      </c>
      <c r="K20" s="3" t="s">
        <v>32</v>
      </c>
      <c r="L20" s="3" t="s">
        <v>33</v>
      </c>
      <c r="M20" s="3" t="s">
        <v>68</v>
      </c>
      <c r="N20" s="3" t="s">
        <v>69</v>
      </c>
      <c r="O20" s="3" t="s">
        <v>53</v>
      </c>
      <c r="P20" s="3" t="s">
        <v>37</v>
      </c>
      <c r="Q20" s="3" t="s">
        <v>37</v>
      </c>
      <c r="R20" s="3" t="s">
        <v>39</v>
      </c>
      <c r="S20" s="3" t="s">
        <v>990</v>
      </c>
      <c r="T20" s="3" t="s">
        <v>37</v>
      </c>
      <c r="U20" s="3" t="s">
        <v>37</v>
      </c>
      <c r="V20" s="3" t="s">
        <v>37</v>
      </c>
    </row>
    <row r="21" spans="1:22" x14ac:dyDescent="0.25">
      <c r="A21" s="3" t="s">
        <v>911</v>
      </c>
      <c r="B21" s="4" t="s">
        <v>23</v>
      </c>
      <c r="C21" s="3" t="s">
        <v>24</v>
      </c>
      <c r="D21" s="5" t="s">
        <v>137</v>
      </c>
      <c r="E21" s="3" t="s">
        <v>929</v>
      </c>
      <c r="F21" s="3" t="s">
        <v>991</v>
      </c>
      <c r="G21" s="3" t="s">
        <v>269</v>
      </c>
      <c r="H21" s="3" t="s">
        <v>29</v>
      </c>
      <c r="I21" s="3" t="s">
        <v>37</v>
      </c>
      <c r="J21" s="7" t="s">
        <v>931</v>
      </c>
      <c r="K21" s="3" t="s">
        <v>32</v>
      </c>
      <c r="L21" s="3" t="s">
        <v>33</v>
      </c>
      <c r="M21" s="3" t="s">
        <v>68</v>
      </c>
      <c r="N21" s="3" t="s">
        <v>69</v>
      </c>
      <c r="O21" s="3" t="s">
        <v>53</v>
      </c>
      <c r="P21" s="3" t="s">
        <v>37</v>
      </c>
      <c r="Q21" s="3" t="s">
        <v>37</v>
      </c>
      <c r="R21" s="3" t="s">
        <v>39</v>
      </c>
      <c r="S21" s="3" t="s">
        <v>992</v>
      </c>
      <c r="T21" s="3" t="s">
        <v>37</v>
      </c>
      <c r="U21" s="3" t="s">
        <v>37</v>
      </c>
      <c r="V21" s="3" t="s">
        <v>37</v>
      </c>
    </row>
    <row r="22" spans="1:22" x14ac:dyDescent="0.25">
      <c r="A22" s="3" t="s">
        <v>911</v>
      </c>
      <c r="B22" s="4" t="s">
        <v>23</v>
      </c>
      <c r="C22" s="3" t="s">
        <v>24</v>
      </c>
      <c r="D22" s="5" t="s">
        <v>993</v>
      </c>
      <c r="E22" s="3" t="s">
        <v>929</v>
      </c>
      <c r="F22" s="3" t="s">
        <v>994</v>
      </c>
      <c r="G22" s="3" t="s">
        <v>227</v>
      </c>
      <c r="H22" s="3" t="s">
        <v>29</v>
      </c>
      <c r="I22" s="3" t="s">
        <v>37</v>
      </c>
      <c r="J22" s="7" t="s">
        <v>931</v>
      </c>
      <c r="K22" s="3" t="s">
        <v>32</v>
      </c>
      <c r="L22" s="3" t="s">
        <v>33</v>
      </c>
      <c r="M22" s="3" t="s">
        <v>68</v>
      </c>
      <c r="N22" s="3" t="s">
        <v>69</v>
      </c>
      <c r="O22" s="3" t="s">
        <v>53</v>
      </c>
      <c r="P22" s="3" t="s">
        <v>37</v>
      </c>
      <c r="Q22" s="3" t="s">
        <v>37</v>
      </c>
      <c r="R22" s="3" t="s">
        <v>39</v>
      </c>
      <c r="S22" s="3" t="s">
        <v>995</v>
      </c>
      <c r="T22" s="3" t="s">
        <v>37</v>
      </c>
      <c r="U22" s="3" t="s">
        <v>37</v>
      </c>
      <c r="V22" s="3" t="s">
        <v>37</v>
      </c>
    </row>
    <row r="23" spans="1:22" x14ac:dyDescent="0.25">
      <c r="A23" s="3" t="s">
        <v>911</v>
      </c>
      <c r="B23" s="4" t="s">
        <v>23</v>
      </c>
      <c r="C23" s="3" t="s">
        <v>24</v>
      </c>
      <c r="D23" s="5" t="s">
        <v>152</v>
      </c>
      <c r="E23" s="3" t="s">
        <v>996</v>
      </c>
      <c r="F23" s="3" t="s">
        <v>997</v>
      </c>
      <c r="G23" s="3" t="s">
        <v>29</v>
      </c>
      <c r="H23" s="3" t="s">
        <v>29</v>
      </c>
      <c r="I23" s="3" t="s">
        <v>1549</v>
      </c>
      <c r="J23" s="3" t="s">
        <v>998</v>
      </c>
      <c r="K23" s="3" t="s">
        <v>32</v>
      </c>
      <c r="L23" s="3" t="s">
        <v>33</v>
      </c>
      <c r="M23" s="3" t="s">
        <v>68</v>
      </c>
      <c r="N23" s="3" t="s">
        <v>77</v>
      </c>
      <c r="O23" s="3" t="s">
        <v>223</v>
      </c>
      <c r="P23" s="3" t="s">
        <v>37</v>
      </c>
      <c r="Q23" s="3" t="s">
        <v>37</v>
      </c>
      <c r="R23" s="3" t="s">
        <v>39</v>
      </c>
      <c r="S23" s="3" t="s">
        <v>999</v>
      </c>
      <c r="T23" s="3" t="s">
        <v>37</v>
      </c>
      <c r="U23" s="3" t="s">
        <v>37</v>
      </c>
      <c r="V23" s="3" t="s">
        <v>37</v>
      </c>
    </row>
    <row r="24" spans="1:22" x14ac:dyDescent="0.25">
      <c r="A24" s="3" t="s">
        <v>911</v>
      </c>
      <c r="B24" s="4" t="s">
        <v>23</v>
      </c>
      <c r="C24" s="3" t="s">
        <v>24</v>
      </c>
      <c r="D24" s="5" t="s">
        <v>165</v>
      </c>
      <c r="E24" s="3" t="s">
        <v>996</v>
      </c>
      <c r="F24" s="3" t="s">
        <v>1000</v>
      </c>
      <c r="G24" s="3" t="s">
        <v>59</v>
      </c>
      <c r="H24" s="3" t="s">
        <v>29</v>
      </c>
      <c r="I24" s="3" t="s">
        <v>1550</v>
      </c>
      <c r="J24" s="3" t="s">
        <v>1002</v>
      </c>
      <c r="K24" s="3" t="s">
        <v>32</v>
      </c>
      <c r="L24" s="3" t="s">
        <v>33</v>
      </c>
      <c r="M24" s="3" t="s">
        <v>68</v>
      </c>
      <c r="N24" s="3" t="s">
        <v>77</v>
      </c>
      <c r="O24" s="3" t="s">
        <v>223</v>
      </c>
      <c r="P24" s="3" t="s">
        <v>37</v>
      </c>
      <c r="Q24" s="3" t="s">
        <v>37</v>
      </c>
      <c r="R24" s="3" t="s">
        <v>39</v>
      </c>
      <c r="S24" s="3" t="s">
        <v>1003</v>
      </c>
      <c r="T24" s="3" t="s">
        <v>37</v>
      </c>
      <c r="U24" s="3" t="s">
        <v>37</v>
      </c>
      <c r="V24" s="3" t="s">
        <v>37</v>
      </c>
    </row>
    <row r="25" spans="1:22" x14ac:dyDescent="0.25">
      <c r="A25" s="3" t="s">
        <v>911</v>
      </c>
      <c r="B25" s="4" t="s">
        <v>23</v>
      </c>
      <c r="C25" s="3" t="s">
        <v>24</v>
      </c>
      <c r="D25" s="5" t="s">
        <v>1004</v>
      </c>
      <c r="E25" s="3" t="s">
        <v>934</v>
      </c>
      <c r="F25" s="3" t="s">
        <v>1005</v>
      </c>
      <c r="G25" s="3" t="s">
        <v>227</v>
      </c>
      <c r="H25" s="3" t="s">
        <v>29</v>
      </c>
      <c r="I25" s="3" t="s">
        <v>936</v>
      </c>
      <c r="J25" s="8" t="s">
        <v>937</v>
      </c>
      <c r="K25" s="3" t="s">
        <v>32</v>
      </c>
      <c r="L25" s="3" t="s">
        <v>33</v>
      </c>
      <c r="M25" s="3" t="s">
        <v>938</v>
      </c>
      <c r="N25" s="3" t="s">
        <v>190</v>
      </c>
      <c r="O25" s="3" t="s">
        <v>158</v>
      </c>
      <c r="P25" s="3" t="s">
        <v>37</v>
      </c>
      <c r="Q25" s="3" t="s">
        <v>37</v>
      </c>
      <c r="R25" s="3" t="s">
        <v>39</v>
      </c>
      <c r="S25" s="3" t="s">
        <v>1006</v>
      </c>
      <c r="T25" s="3" t="s">
        <v>37</v>
      </c>
      <c r="U25" s="3" t="s">
        <v>37</v>
      </c>
      <c r="V25" s="3" t="s">
        <v>37</v>
      </c>
    </row>
    <row r="26" spans="1:22" x14ac:dyDescent="0.25">
      <c r="A26" s="3" t="s">
        <v>911</v>
      </c>
      <c r="B26" s="4" t="s">
        <v>23</v>
      </c>
      <c r="C26" s="3" t="s">
        <v>24</v>
      </c>
      <c r="D26" s="5" t="s">
        <v>174</v>
      </c>
      <c r="E26" s="3" t="s">
        <v>934</v>
      </c>
      <c r="F26" s="3" t="s">
        <v>1007</v>
      </c>
      <c r="G26" s="3" t="s">
        <v>269</v>
      </c>
      <c r="H26" s="3" t="s">
        <v>29</v>
      </c>
      <c r="I26" s="3" t="s">
        <v>936</v>
      </c>
      <c r="J26" s="3" t="s">
        <v>1008</v>
      </c>
      <c r="K26" s="3" t="s">
        <v>32</v>
      </c>
      <c r="L26" s="3" t="s">
        <v>33</v>
      </c>
      <c r="M26" s="3" t="s">
        <v>938</v>
      </c>
      <c r="N26" s="3" t="s">
        <v>190</v>
      </c>
      <c r="O26" s="3" t="s">
        <v>158</v>
      </c>
      <c r="P26" s="3" t="s">
        <v>37</v>
      </c>
      <c r="Q26" s="3" t="s">
        <v>37</v>
      </c>
      <c r="R26" s="3" t="s">
        <v>39</v>
      </c>
      <c r="S26" s="3" t="s">
        <v>1009</v>
      </c>
      <c r="T26" s="3" t="s">
        <v>37</v>
      </c>
      <c r="U26" s="3" t="s">
        <v>37</v>
      </c>
      <c r="V26" s="3" t="s">
        <v>37</v>
      </c>
    </row>
    <row r="27" spans="1:22" x14ac:dyDescent="0.25">
      <c r="A27" s="3" t="s">
        <v>911</v>
      </c>
      <c r="B27" s="4" t="s">
        <v>23</v>
      </c>
      <c r="C27" s="3" t="s">
        <v>24</v>
      </c>
      <c r="D27" s="5" t="s">
        <v>1010</v>
      </c>
      <c r="E27" s="3" t="s">
        <v>934</v>
      </c>
      <c r="F27" s="3" t="s">
        <v>1011</v>
      </c>
      <c r="G27" s="3" t="s">
        <v>384</v>
      </c>
      <c r="H27" s="3" t="s">
        <v>29</v>
      </c>
      <c r="I27" s="3" t="s">
        <v>936</v>
      </c>
      <c r="J27" s="3" t="s">
        <v>1012</v>
      </c>
      <c r="K27" s="3" t="s">
        <v>32</v>
      </c>
      <c r="L27" s="3" t="s">
        <v>33</v>
      </c>
      <c r="M27" s="3" t="s">
        <v>938</v>
      </c>
      <c r="N27" s="3" t="s">
        <v>190</v>
      </c>
      <c r="O27" s="3" t="s">
        <v>158</v>
      </c>
      <c r="P27" s="3" t="s">
        <v>37</v>
      </c>
      <c r="Q27" s="3" t="s">
        <v>37</v>
      </c>
      <c r="R27" s="3" t="s">
        <v>39</v>
      </c>
      <c r="S27" s="3" t="s">
        <v>1013</v>
      </c>
      <c r="T27" s="3" t="s">
        <v>37</v>
      </c>
      <c r="U27" s="3" t="s">
        <v>37</v>
      </c>
      <c r="V27" s="3" t="s">
        <v>37</v>
      </c>
    </row>
    <row r="28" spans="1:22" x14ac:dyDescent="0.25">
      <c r="A28" s="3" t="s">
        <v>911</v>
      </c>
      <c r="B28" s="4" t="s">
        <v>23</v>
      </c>
      <c r="C28" s="3" t="s">
        <v>24</v>
      </c>
      <c r="D28" s="5" t="s">
        <v>1014</v>
      </c>
      <c r="E28" s="3" t="s">
        <v>956</v>
      </c>
      <c r="F28" s="3" t="s">
        <v>970</v>
      </c>
      <c r="G28" s="3" t="s">
        <v>430</v>
      </c>
      <c r="H28" s="3" t="s">
        <v>87</v>
      </c>
      <c r="I28" s="3" t="s">
        <v>37</v>
      </c>
      <c r="J28" s="7" t="s">
        <v>971</v>
      </c>
      <c r="K28" s="3" t="s">
        <v>32</v>
      </c>
      <c r="L28" s="3" t="s">
        <v>33</v>
      </c>
      <c r="M28" s="3" t="s">
        <v>68</v>
      </c>
      <c r="N28" s="3" t="s">
        <v>190</v>
      </c>
      <c r="O28" s="3" t="s">
        <v>223</v>
      </c>
      <c r="P28" s="3" t="s">
        <v>37</v>
      </c>
      <c r="Q28" s="3" t="s">
        <v>37</v>
      </c>
      <c r="R28" s="3" t="s">
        <v>39</v>
      </c>
      <c r="S28" s="3" t="s">
        <v>1015</v>
      </c>
      <c r="T28" s="3"/>
      <c r="U28" s="3" t="s">
        <v>37</v>
      </c>
      <c r="V28" s="3" t="s">
        <v>37</v>
      </c>
    </row>
    <row r="29" spans="1:22" x14ac:dyDescent="0.25">
      <c r="A29" s="3" t="s">
        <v>911</v>
      </c>
      <c r="B29" s="4" t="s">
        <v>23</v>
      </c>
      <c r="C29" s="3" t="s">
        <v>24</v>
      </c>
      <c r="D29" s="5" t="s">
        <v>1016</v>
      </c>
      <c r="E29" s="3" t="s">
        <v>965</v>
      </c>
      <c r="F29" s="3" t="s">
        <v>1017</v>
      </c>
      <c r="G29" s="3" t="s">
        <v>206</v>
      </c>
      <c r="H29" s="3" t="s">
        <v>59</v>
      </c>
      <c r="I29" s="3" t="s">
        <v>1548</v>
      </c>
      <c r="J29" s="7" t="s">
        <v>967</v>
      </c>
      <c r="K29" s="3" t="s">
        <v>32</v>
      </c>
      <c r="L29" s="3" t="s">
        <v>33</v>
      </c>
      <c r="M29" s="3" t="s">
        <v>68</v>
      </c>
      <c r="N29" s="3" t="s">
        <v>190</v>
      </c>
      <c r="O29" s="3" t="s">
        <v>223</v>
      </c>
      <c r="P29" s="3" t="s">
        <v>37</v>
      </c>
      <c r="Q29" s="3" t="s">
        <v>37</v>
      </c>
      <c r="R29" s="3" t="s">
        <v>39</v>
      </c>
      <c r="S29" s="3" t="s">
        <v>1018</v>
      </c>
      <c r="T29" s="3"/>
      <c r="U29" s="3" t="s">
        <v>37</v>
      </c>
      <c r="V29" s="3" t="s">
        <v>37</v>
      </c>
    </row>
    <row r="30" spans="1:22" x14ac:dyDescent="0.25">
      <c r="A30" s="3" t="s">
        <v>911</v>
      </c>
      <c r="B30" s="4" t="s">
        <v>23</v>
      </c>
      <c r="C30" s="3" t="s">
        <v>24</v>
      </c>
      <c r="D30" s="5" t="s">
        <v>1019</v>
      </c>
      <c r="E30" s="3" t="s">
        <v>1020</v>
      </c>
      <c r="F30" s="3" t="s">
        <v>37</v>
      </c>
      <c r="G30" s="3">
        <v>1</v>
      </c>
      <c r="H30" s="3">
        <v>0</v>
      </c>
      <c r="I30" s="3" t="s">
        <v>1021</v>
      </c>
      <c r="J30" s="3" t="s">
        <v>1022</v>
      </c>
      <c r="K30" s="3" t="s">
        <v>1023</v>
      </c>
      <c r="L30" s="3" t="s">
        <v>33</v>
      </c>
      <c r="M30" s="3" t="s">
        <v>68</v>
      </c>
      <c r="N30" s="3" t="s">
        <v>35</v>
      </c>
      <c r="O30" s="3" t="s">
        <v>551</v>
      </c>
      <c r="P30" s="3" t="s">
        <v>37</v>
      </c>
      <c r="Q30" s="3" t="s">
        <v>37</v>
      </c>
      <c r="R30" s="3" t="s">
        <v>39</v>
      </c>
      <c r="S30" s="3" t="s">
        <v>1024</v>
      </c>
      <c r="T30" s="3" t="s">
        <v>37</v>
      </c>
      <c r="U30" s="3" t="s">
        <v>37</v>
      </c>
      <c r="V30" s="3" t="s">
        <v>37</v>
      </c>
    </row>
    <row r="31" spans="1:22" x14ac:dyDescent="0.25">
      <c r="A31" s="3" t="s">
        <v>911</v>
      </c>
      <c r="B31" s="4" t="s">
        <v>23</v>
      </c>
      <c r="C31" s="3" t="s">
        <v>24</v>
      </c>
      <c r="D31" s="5" t="s">
        <v>1025</v>
      </c>
      <c r="E31" s="3" t="s">
        <v>1026</v>
      </c>
      <c r="F31" s="3" t="s">
        <v>1027</v>
      </c>
      <c r="G31" s="3" t="s">
        <v>1028</v>
      </c>
      <c r="H31" s="3" t="s">
        <v>87</v>
      </c>
      <c r="I31" s="3" t="s">
        <v>37</v>
      </c>
      <c r="J31" s="3" t="s">
        <v>1029</v>
      </c>
      <c r="K31" s="3" t="s">
        <v>32</v>
      </c>
      <c r="L31" s="3" t="s">
        <v>33</v>
      </c>
      <c r="M31" s="3" t="s">
        <v>68</v>
      </c>
      <c r="N31" s="3" t="s">
        <v>69</v>
      </c>
      <c r="O31" s="3" t="s">
        <v>53</v>
      </c>
      <c r="P31" s="3" t="s">
        <v>37</v>
      </c>
      <c r="Q31" s="3" t="s">
        <v>37</v>
      </c>
      <c r="R31" s="3" t="s">
        <v>39</v>
      </c>
      <c r="S31" s="3" t="s">
        <v>1030</v>
      </c>
      <c r="T31" s="3" t="s">
        <v>37</v>
      </c>
      <c r="U31" s="3" t="s">
        <v>37</v>
      </c>
      <c r="V31" s="3" t="s">
        <v>37</v>
      </c>
    </row>
    <row r="32" spans="1:22" x14ac:dyDescent="0.25">
      <c r="A32" s="3" t="s">
        <v>911</v>
      </c>
      <c r="B32" s="4" t="s">
        <v>23</v>
      </c>
      <c r="C32" s="3" t="s">
        <v>24</v>
      </c>
      <c r="D32" s="5" t="s">
        <v>199</v>
      </c>
      <c r="E32" s="3" t="s">
        <v>1031</v>
      </c>
      <c r="F32" s="3" t="s">
        <v>1032</v>
      </c>
      <c r="G32" s="3" t="s">
        <v>738</v>
      </c>
      <c r="H32" s="3" t="s">
        <v>87</v>
      </c>
      <c r="I32" s="3" t="s">
        <v>1033</v>
      </c>
      <c r="J32" s="3" t="s">
        <v>1034</v>
      </c>
      <c r="K32" s="3" t="s">
        <v>32</v>
      </c>
      <c r="L32" s="3" t="s">
        <v>33</v>
      </c>
      <c r="M32" s="3" t="s">
        <v>68</v>
      </c>
      <c r="N32" s="3" t="s">
        <v>52</v>
      </c>
      <c r="O32" s="3" t="s">
        <v>36</v>
      </c>
      <c r="P32" s="3" t="s">
        <v>37</v>
      </c>
      <c r="Q32" s="3" t="s">
        <v>37</v>
      </c>
      <c r="R32" s="3" t="s">
        <v>39</v>
      </c>
      <c r="S32" s="3" t="s">
        <v>1035</v>
      </c>
      <c r="T32" s="3" t="s">
        <v>37</v>
      </c>
      <c r="U32" s="3" t="s">
        <v>37</v>
      </c>
      <c r="V32" s="3" t="s">
        <v>37</v>
      </c>
    </row>
    <row r="33" spans="1:22" x14ac:dyDescent="0.25">
      <c r="A33" s="3" t="s">
        <v>911</v>
      </c>
      <c r="B33" s="4" t="s">
        <v>23</v>
      </c>
      <c r="C33" s="3" t="s">
        <v>24</v>
      </c>
      <c r="D33" s="5" t="s">
        <v>1036</v>
      </c>
      <c r="E33" s="3" t="s">
        <v>1031</v>
      </c>
      <c r="F33" s="3" t="s">
        <v>1037</v>
      </c>
      <c r="G33" s="3" t="s">
        <v>201</v>
      </c>
      <c r="H33" s="3" t="s">
        <v>59</v>
      </c>
      <c r="I33" s="3" t="s">
        <v>1038</v>
      </c>
      <c r="J33" s="3" t="s">
        <v>1039</v>
      </c>
      <c r="K33" s="3" t="s">
        <v>32</v>
      </c>
      <c r="L33" s="3" t="s">
        <v>33</v>
      </c>
      <c r="M33" s="3" t="s">
        <v>68</v>
      </c>
      <c r="N33" s="3" t="s">
        <v>1040</v>
      </c>
      <c r="O33" s="3" t="s">
        <v>53</v>
      </c>
      <c r="P33" s="3" t="s">
        <v>37</v>
      </c>
      <c r="Q33" s="3" t="s">
        <v>37</v>
      </c>
      <c r="R33" s="3" t="s">
        <v>39</v>
      </c>
      <c r="S33" s="3" t="s">
        <v>1041</v>
      </c>
      <c r="T33" s="3" t="s">
        <v>37</v>
      </c>
      <c r="U33" s="3" t="s">
        <v>37</v>
      </c>
      <c r="V33" s="3" t="s">
        <v>37</v>
      </c>
    </row>
    <row r="34" spans="1:22" x14ac:dyDescent="0.25">
      <c r="A34" s="3" t="s">
        <v>911</v>
      </c>
      <c r="B34" s="4" t="s">
        <v>23</v>
      </c>
      <c r="C34" s="3" t="s">
        <v>24</v>
      </c>
      <c r="D34" s="5" t="s">
        <v>520</v>
      </c>
      <c r="E34" s="3" t="s">
        <v>521</v>
      </c>
      <c r="F34" s="3" t="s">
        <v>1042</v>
      </c>
      <c r="G34" s="3" t="s">
        <v>29</v>
      </c>
      <c r="H34" s="3" t="s">
        <v>29</v>
      </c>
      <c r="I34" s="3" t="s">
        <v>1043</v>
      </c>
      <c r="J34" s="3" t="s">
        <v>1044</v>
      </c>
      <c r="K34" s="3" t="s">
        <v>32</v>
      </c>
      <c r="L34" s="3" t="s">
        <v>1045</v>
      </c>
      <c r="M34" s="3" t="s">
        <v>34</v>
      </c>
      <c r="N34" s="3" t="s">
        <v>52</v>
      </c>
      <c r="O34" s="3" t="s">
        <v>223</v>
      </c>
      <c r="P34" s="3" t="s">
        <v>37</v>
      </c>
      <c r="Q34" s="3" t="s">
        <v>37</v>
      </c>
      <c r="R34" s="3" t="s">
        <v>39</v>
      </c>
      <c r="S34" s="3" t="s">
        <v>1046</v>
      </c>
      <c r="T34" s="3" t="s">
        <v>37</v>
      </c>
      <c r="U34" s="3" t="s">
        <v>37</v>
      </c>
      <c r="V34" s="3" t="s">
        <v>37</v>
      </c>
    </row>
    <row r="35" spans="1:22" x14ac:dyDescent="0.25">
      <c r="A35" s="3" t="s">
        <v>911</v>
      </c>
      <c r="B35" s="4" t="s">
        <v>23</v>
      </c>
      <c r="C35" s="3" t="s">
        <v>24</v>
      </c>
      <c r="D35" s="5" t="s">
        <v>1047</v>
      </c>
      <c r="E35" s="3" t="s">
        <v>521</v>
      </c>
      <c r="F35" s="3" t="s">
        <v>1048</v>
      </c>
      <c r="G35" s="3" t="s">
        <v>59</v>
      </c>
      <c r="H35" s="3" t="s">
        <v>29</v>
      </c>
      <c r="I35" s="3" t="s">
        <v>1043</v>
      </c>
      <c r="J35" s="3" t="s">
        <v>1049</v>
      </c>
      <c r="K35" s="3" t="s">
        <v>32</v>
      </c>
      <c r="L35" s="3" t="s">
        <v>1045</v>
      </c>
      <c r="M35" s="3" t="s">
        <v>34</v>
      </c>
      <c r="N35" s="3" t="s">
        <v>52</v>
      </c>
      <c r="O35" s="3" t="s">
        <v>223</v>
      </c>
      <c r="P35" s="3" t="s">
        <v>37</v>
      </c>
      <c r="Q35" s="3" t="s">
        <v>37</v>
      </c>
      <c r="R35" s="3" t="s">
        <v>39</v>
      </c>
      <c r="S35" s="3" t="s">
        <v>1050</v>
      </c>
      <c r="T35" s="3" t="s">
        <v>37</v>
      </c>
      <c r="U35" s="3" t="s">
        <v>37</v>
      </c>
      <c r="V35" s="3" t="s">
        <v>37</v>
      </c>
    </row>
    <row r="36" spans="1:22" x14ac:dyDescent="0.25">
      <c r="A36" s="3" t="s">
        <v>911</v>
      </c>
      <c r="B36" s="4" t="s">
        <v>23</v>
      </c>
      <c r="C36" s="3" t="s">
        <v>24</v>
      </c>
      <c r="D36" s="5" t="s">
        <v>219</v>
      </c>
      <c r="E36" s="3" t="s">
        <v>521</v>
      </c>
      <c r="F36" s="3" t="s">
        <v>1051</v>
      </c>
      <c r="G36" s="3" t="s">
        <v>87</v>
      </c>
      <c r="H36" s="3" t="s">
        <v>29</v>
      </c>
      <c r="I36" s="3" t="s">
        <v>1043</v>
      </c>
      <c r="J36" s="3" t="s">
        <v>1052</v>
      </c>
      <c r="K36" s="3" t="s">
        <v>32</v>
      </c>
      <c r="L36" s="3" t="s">
        <v>1045</v>
      </c>
      <c r="M36" s="3" t="s">
        <v>34</v>
      </c>
      <c r="N36" s="3" t="s">
        <v>52</v>
      </c>
      <c r="O36" s="3" t="s">
        <v>223</v>
      </c>
      <c r="P36" s="3" t="s">
        <v>37</v>
      </c>
      <c r="Q36" s="3" t="s">
        <v>37</v>
      </c>
      <c r="R36" s="3" t="s">
        <v>39</v>
      </c>
      <c r="S36" s="3" t="s">
        <v>1053</v>
      </c>
      <c r="T36" s="3" t="s">
        <v>37</v>
      </c>
      <c r="U36" s="3" t="s">
        <v>37</v>
      </c>
      <c r="V36" s="3" t="s">
        <v>37</v>
      </c>
    </row>
    <row r="37" spans="1:22" x14ac:dyDescent="0.25">
      <c r="A37" s="3" t="s">
        <v>911</v>
      </c>
      <c r="B37" s="4" t="s">
        <v>23</v>
      </c>
      <c r="C37" s="3" t="s">
        <v>24</v>
      </c>
      <c r="D37" s="5" t="s">
        <v>390</v>
      </c>
      <c r="E37" s="3" t="s">
        <v>923</v>
      </c>
      <c r="F37" s="3" t="s">
        <v>1054</v>
      </c>
      <c r="G37" s="3" t="s">
        <v>414</v>
      </c>
      <c r="H37" s="3" t="s">
        <v>29</v>
      </c>
      <c r="I37" s="3" t="s">
        <v>925</v>
      </c>
      <c r="J37" s="3" t="s">
        <v>1055</v>
      </c>
      <c r="K37" s="3" t="s">
        <v>32</v>
      </c>
      <c r="L37" s="3" t="s">
        <v>33</v>
      </c>
      <c r="M37" s="3" t="s">
        <v>34</v>
      </c>
      <c r="N37" s="3" t="s">
        <v>69</v>
      </c>
      <c r="O37" s="3" t="s">
        <v>53</v>
      </c>
      <c r="P37" s="3" t="s">
        <v>37</v>
      </c>
      <c r="Q37" s="3" t="s">
        <v>37</v>
      </c>
      <c r="R37" s="3" t="s">
        <v>39</v>
      </c>
      <c r="S37" s="3" t="s">
        <v>1056</v>
      </c>
      <c r="T37" s="3" t="s">
        <v>37</v>
      </c>
      <c r="U37" s="3" t="s">
        <v>37</v>
      </c>
      <c r="V37" s="3" t="s">
        <v>37</v>
      </c>
    </row>
    <row r="38" spans="1:22" x14ac:dyDescent="0.25">
      <c r="A38" s="3" t="s">
        <v>911</v>
      </c>
      <c r="B38" s="4" t="s">
        <v>23</v>
      </c>
      <c r="C38" s="3" t="s">
        <v>24</v>
      </c>
      <c r="D38" s="5" t="s">
        <v>230</v>
      </c>
      <c r="E38" s="3" t="s">
        <v>923</v>
      </c>
      <c r="F38" s="3" t="s">
        <v>924</v>
      </c>
      <c r="G38" s="3" t="s">
        <v>201</v>
      </c>
      <c r="H38" s="3" t="s">
        <v>29</v>
      </c>
      <c r="I38" s="3" t="s">
        <v>925</v>
      </c>
      <c r="J38" s="3" t="s">
        <v>926</v>
      </c>
      <c r="K38" s="3" t="s">
        <v>32</v>
      </c>
      <c r="L38" s="3" t="s">
        <v>33</v>
      </c>
      <c r="M38" s="3" t="s">
        <v>34</v>
      </c>
      <c r="N38" s="3" t="s">
        <v>69</v>
      </c>
      <c r="O38" s="3" t="s">
        <v>53</v>
      </c>
      <c r="P38" s="3" t="s">
        <v>37</v>
      </c>
      <c r="Q38" s="3" t="s">
        <v>37</v>
      </c>
      <c r="R38" s="3" t="s">
        <v>39</v>
      </c>
      <c r="S38" s="3" t="s">
        <v>927</v>
      </c>
      <c r="T38" s="3" t="s">
        <v>37</v>
      </c>
      <c r="U38" s="3" t="s">
        <v>37</v>
      </c>
      <c r="V38" s="3" t="s">
        <v>37</v>
      </c>
    </row>
    <row r="39" spans="1:22" x14ac:dyDescent="0.25">
      <c r="A39" s="3" t="s">
        <v>911</v>
      </c>
      <c r="B39" s="4" t="s">
        <v>23</v>
      </c>
      <c r="C39" s="3" t="s">
        <v>24</v>
      </c>
      <c r="D39" s="5" t="s">
        <v>1057</v>
      </c>
      <c r="E39" s="3" t="s">
        <v>923</v>
      </c>
      <c r="F39" s="3" t="s">
        <v>1058</v>
      </c>
      <c r="G39" s="3" t="s">
        <v>29</v>
      </c>
      <c r="H39" s="3" t="s">
        <v>29</v>
      </c>
      <c r="I39" s="3" t="s">
        <v>925</v>
      </c>
      <c r="J39" s="3" t="s">
        <v>1059</v>
      </c>
      <c r="K39" s="3" t="s">
        <v>32</v>
      </c>
      <c r="L39" s="3" t="s">
        <v>33</v>
      </c>
      <c r="M39" s="3" t="s">
        <v>34</v>
      </c>
      <c r="N39" s="3" t="s">
        <v>69</v>
      </c>
      <c r="O39" s="3" t="s">
        <v>53</v>
      </c>
      <c r="P39" s="3" t="s">
        <v>37</v>
      </c>
      <c r="Q39" s="3" t="s">
        <v>37</v>
      </c>
      <c r="R39" s="3" t="s">
        <v>39</v>
      </c>
      <c r="S39" s="3" t="s">
        <v>1060</v>
      </c>
      <c r="T39" s="3" t="s">
        <v>37</v>
      </c>
      <c r="U39" s="3" t="s">
        <v>37</v>
      </c>
      <c r="V39" s="3" t="s">
        <v>37</v>
      </c>
    </row>
    <row r="40" spans="1:22" x14ac:dyDescent="0.25">
      <c r="A40" s="3" t="s">
        <v>911</v>
      </c>
      <c r="B40" s="4" t="s">
        <v>23</v>
      </c>
      <c r="C40" s="3" t="s">
        <v>24</v>
      </c>
      <c r="D40" s="5" t="s">
        <v>239</v>
      </c>
      <c r="E40" s="3" t="s">
        <v>923</v>
      </c>
      <c r="F40" s="3" t="s">
        <v>1061</v>
      </c>
      <c r="G40" s="3" t="s">
        <v>59</v>
      </c>
      <c r="H40" s="3" t="s">
        <v>29</v>
      </c>
      <c r="I40" s="3" t="s">
        <v>925</v>
      </c>
      <c r="J40" s="3" t="s">
        <v>1062</v>
      </c>
      <c r="K40" s="3" t="s">
        <v>32</v>
      </c>
      <c r="L40" s="3" t="s">
        <v>33</v>
      </c>
      <c r="M40" s="3" t="s">
        <v>34</v>
      </c>
      <c r="N40" s="3" t="s">
        <v>69</v>
      </c>
      <c r="O40" s="3" t="s">
        <v>53</v>
      </c>
      <c r="P40" s="3" t="s">
        <v>37</v>
      </c>
      <c r="Q40" s="3" t="s">
        <v>37</v>
      </c>
      <c r="R40" s="3" t="s">
        <v>39</v>
      </c>
      <c r="S40" s="3" t="s">
        <v>1063</v>
      </c>
      <c r="T40" s="3" t="s">
        <v>37</v>
      </c>
      <c r="U40" s="3" t="s">
        <v>37</v>
      </c>
      <c r="V40" s="3" t="s">
        <v>37</v>
      </c>
    </row>
    <row r="41" spans="1:22" x14ac:dyDescent="0.25">
      <c r="A41" s="3" t="s">
        <v>911</v>
      </c>
      <c r="B41" s="4" t="s">
        <v>23</v>
      </c>
      <c r="C41" s="3" t="s">
        <v>24</v>
      </c>
      <c r="D41" s="5" t="s">
        <v>1064</v>
      </c>
      <c r="E41" s="3" t="s">
        <v>521</v>
      </c>
      <c r="F41" s="3" t="s">
        <v>797</v>
      </c>
      <c r="G41" s="3" t="s">
        <v>798</v>
      </c>
      <c r="H41" s="3" t="s">
        <v>59</v>
      </c>
      <c r="I41" s="3" t="s">
        <v>523</v>
      </c>
      <c r="J41" s="3" t="s">
        <v>799</v>
      </c>
      <c r="K41" s="3" t="s">
        <v>32</v>
      </c>
      <c r="L41" s="3" t="s">
        <v>37</v>
      </c>
      <c r="M41" s="3" t="s">
        <v>34</v>
      </c>
      <c r="N41" s="3" t="s">
        <v>77</v>
      </c>
      <c r="O41" s="3" t="s">
        <v>223</v>
      </c>
      <c r="P41" s="3" t="s">
        <v>37</v>
      </c>
      <c r="Q41" s="3" t="s">
        <v>37</v>
      </c>
      <c r="R41" s="3" t="s">
        <v>39</v>
      </c>
      <c r="S41" s="3" t="s">
        <v>800</v>
      </c>
      <c r="T41" s="3" t="s">
        <v>37</v>
      </c>
      <c r="U41" s="3" t="s">
        <v>37</v>
      </c>
      <c r="V41" s="3" t="s">
        <v>37</v>
      </c>
    </row>
    <row r="42" spans="1:22" x14ac:dyDescent="0.25">
      <c r="A42" s="3"/>
      <c r="B42" s="4"/>
      <c r="C42" s="3"/>
      <c r="D42" s="5"/>
      <c r="E42" s="6" t="s">
        <v>1065</v>
      </c>
      <c r="F42" s="3"/>
      <c r="G42" s="3"/>
      <c r="H42" s="3"/>
      <c r="I42" s="3"/>
      <c r="J42" s="3"/>
      <c r="K42" s="3"/>
      <c r="L42" s="3"/>
      <c r="M42" s="3"/>
      <c r="N42" s="3"/>
      <c r="O42" s="3"/>
      <c r="P42" s="3"/>
      <c r="Q42" s="3"/>
      <c r="R42" s="3"/>
      <c r="S42" s="3"/>
      <c r="T42" s="3"/>
      <c r="U42" s="3"/>
      <c r="V42" s="3"/>
    </row>
    <row r="43" spans="1:22" x14ac:dyDescent="0.25">
      <c r="A43" s="3"/>
      <c r="B43" s="4"/>
      <c r="C43" s="3"/>
      <c r="D43" s="5"/>
      <c r="E43" s="3"/>
      <c r="F43" s="3"/>
      <c r="G43" s="3"/>
      <c r="H43" s="3"/>
      <c r="I43" s="3"/>
      <c r="J43" s="3"/>
      <c r="K43" s="3"/>
      <c r="L43" s="3"/>
      <c r="M43" s="3"/>
      <c r="N43" s="3"/>
      <c r="O43" s="3"/>
      <c r="P43" s="3"/>
      <c r="Q43" s="3"/>
      <c r="R43" s="3"/>
      <c r="S43" s="3"/>
      <c r="T43" s="3"/>
      <c r="U43" s="3"/>
      <c r="V43" s="3"/>
    </row>
    <row r="44" spans="1:22" x14ac:dyDescent="0.25">
      <c r="A44" s="3" t="s">
        <v>911</v>
      </c>
      <c r="B44" s="4" t="s">
        <v>251</v>
      </c>
      <c r="C44" s="3" t="s">
        <v>252</v>
      </c>
      <c r="D44" s="5" t="s">
        <v>25</v>
      </c>
      <c r="E44" s="3" t="s">
        <v>912</v>
      </c>
      <c r="F44" s="3" t="s">
        <v>1066</v>
      </c>
      <c r="G44" s="3" t="s">
        <v>59</v>
      </c>
      <c r="H44" s="3" t="s">
        <v>29</v>
      </c>
      <c r="I44" s="3" t="s">
        <v>1067</v>
      </c>
      <c r="J44" s="3" t="s">
        <v>1068</v>
      </c>
      <c r="K44" s="3" t="s">
        <v>32</v>
      </c>
      <c r="L44" s="3" t="s">
        <v>33</v>
      </c>
      <c r="M44" s="3" t="s">
        <v>68</v>
      </c>
      <c r="N44" s="3" t="s">
        <v>916</v>
      </c>
      <c r="O44" s="3" t="s">
        <v>223</v>
      </c>
      <c r="P44" s="3" t="s">
        <v>37</v>
      </c>
      <c r="Q44" s="3" t="s">
        <v>37</v>
      </c>
      <c r="R44" s="3" t="s">
        <v>39</v>
      </c>
      <c r="S44" s="3" t="s">
        <v>1069</v>
      </c>
      <c r="T44" s="3" t="s">
        <v>37</v>
      </c>
      <c r="U44" s="3" t="s">
        <v>37</v>
      </c>
      <c r="V44" s="3" t="s">
        <v>37</v>
      </c>
    </row>
    <row r="45" spans="1:22" x14ac:dyDescent="0.25">
      <c r="A45" s="3" t="s">
        <v>911</v>
      </c>
      <c r="B45" s="4" t="s">
        <v>251</v>
      </c>
      <c r="C45" s="3" t="s">
        <v>252</v>
      </c>
      <c r="D45" s="5" t="s">
        <v>918</v>
      </c>
      <c r="E45" s="3" t="s">
        <v>912</v>
      </c>
      <c r="F45" s="3" t="s">
        <v>1070</v>
      </c>
      <c r="G45" s="3" t="s">
        <v>87</v>
      </c>
      <c r="H45" s="3" t="s">
        <v>29</v>
      </c>
      <c r="I45" s="3" t="s">
        <v>920</v>
      </c>
      <c r="J45" s="3" t="s">
        <v>1071</v>
      </c>
      <c r="K45" s="3" t="s">
        <v>32</v>
      </c>
      <c r="L45" s="3" t="s">
        <v>33</v>
      </c>
      <c r="M45" s="3" t="s">
        <v>68</v>
      </c>
      <c r="N45" s="3" t="s">
        <v>916</v>
      </c>
      <c r="O45" s="3" t="s">
        <v>223</v>
      </c>
      <c r="P45" s="3" t="s">
        <v>37</v>
      </c>
      <c r="Q45" s="3" t="s">
        <v>37</v>
      </c>
      <c r="R45" s="3" t="s">
        <v>39</v>
      </c>
      <c r="S45" s="3" t="s">
        <v>1072</v>
      </c>
      <c r="T45" s="3" t="s">
        <v>37</v>
      </c>
      <c r="U45" s="3" t="s">
        <v>37</v>
      </c>
      <c r="V45" s="3" t="s">
        <v>37</v>
      </c>
    </row>
    <row r="46" spans="1:22" x14ac:dyDescent="0.25">
      <c r="A46" s="3" t="s">
        <v>911</v>
      </c>
      <c r="B46" s="4" t="s">
        <v>251</v>
      </c>
      <c r="C46" s="3" t="s">
        <v>252</v>
      </c>
      <c r="D46" s="5" t="s">
        <v>46</v>
      </c>
      <c r="E46" s="3" t="s">
        <v>923</v>
      </c>
      <c r="F46" s="3" t="s">
        <v>1058</v>
      </c>
      <c r="G46" s="3" t="s">
        <v>29</v>
      </c>
      <c r="H46" s="3" t="s">
        <v>29</v>
      </c>
      <c r="I46" s="3" t="s">
        <v>925</v>
      </c>
      <c r="J46" s="3" t="s">
        <v>1059</v>
      </c>
      <c r="K46" s="3" t="s">
        <v>32</v>
      </c>
      <c r="L46" s="3" t="s">
        <v>33</v>
      </c>
      <c r="M46" s="3" t="s">
        <v>34</v>
      </c>
      <c r="N46" s="3" t="s">
        <v>69</v>
      </c>
      <c r="O46" s="3" t="s">
        <v>53</v>
      </c>
      <c r="P46" s="3" t="s">
        <v>37</v>
      </c>
      <c r="Q46" s="3" t="s">
        <v>37</v>
      </c>
      <c r="R46" s="3" t="s">
        <v>39</v>
      </c>
      <c r="S46" s="3" t="s">
        <v>1060</v>
      </c>
      <c r="T46" s="3" t="s">
        <v>37</v>
      </c>
      <c r="U46" s="3" t="s">
        <v>37</v>
      </c>
      <c r="V46" s="3" t="s">
        <v>37</v>
      </c>
    </row>
    <row r="47" spans="1:22" x14ac:dyDescent="0.25">
      <c r="A47" s="3" t="s">
        <v>911</v>
      </c>
      <c r="B47" s="4" t="s">
        <v>251</v>
      </c>
      <c r="C47" s="3" t="s">
        <v>252</v>
      </c>
      <c r="D47" s="5" t="s">
        <v>928</v>
      </c>
      <c r="E47" s="3" t="s">
        <v>929</v>
      </c>
      <c r="F47" s="3" t="s">
        <v>1073</v>
      </c>
      <c r="G47" s="3" t="s">
        <v>221</v>
      </c>
      <c r="H47" s="3" t="s">
        <v>29</v>
      </c>
      <c r="I47" s="3" t="s">
        <v>37</v>
      </c>
      <c r="J47" s="7" t="s">
        <v>931</v>
      </c>
      <c r="K47" s="3" t="s">
        <v>32</v>
      </c>
      <c r="L47" s="3" t="s">
        <v>33</v>
      </c>
      <c r="M47" s="3" t="s">
        <v>68</v>
      </c>
      <c r="N47" s="3" t="s">
        <v>69</v>
      </c>
      <c r="O47" s="3" t="s">
        <v>53</v>
      </c>
      <c r="P47" s="3" t="s">
        <v>37</v>
      </c>
      <c r="Q47" s="3" t="s">
        <v>37</v>
      </c>
      <c r="R47" s="3" t="s">
        <v>39</v>
      </c>
      <c r="S47" s="3" t="s">
        <v>1074</v>
      </c>
      <c r="T47" s="3" t="s">
        <v>37</v>
      </c>
      <c r="U47" s="3" t="s">
        <v>37</v>
      </c>
      <c r="V47" s="3" t="s">
        <v>37</v>
      </c>
    </row>
    <row r="48" spans="1:22" x14ac:dyDescent="0.25">
      <c r="A48" s="3" t="s">
        <v>911</v>
      </c>
      <c r="B48" s="4" t="s">
        <v>251</v>
      </c>
      <c r="C48" s="3" t="s">
        <v>252</v>
      </c>
      <c r="D48" s="5" t="s">
        <v>933</v>
      </c>
      <c r="E48" s="3" t="s">
        <v>934</v>
      </c>
      <c r="F48" s="3" t="s">
        <v>1075</v>
      </c>
      <c r="G48" s="3" t="s">
        <v>43</v>
      </c>
      <c r="H48" s="3" t="s">
        <v>29</v>
      </c>
      <c r="I48" s="3" t="s">
        <v>936</v>
      </c>
      <c r="J48" s="8" t="s">
        <v>937</v>
      </c>
      <c r="K48" s="3" t="s">
        <v>32</v>
      </c>
      <c r="L48" s="3" t="s">
        <v>33</v>
      </c>
      <c r="M48" s="3" t="s">
        <v>938</v>
      </c>
      <c r="N48" s="3" t="s">
        <v>190</v>
      </c>
      <c r="O48" s="3" t="s">
        <v>158</v>
      </c>
      <c r="P48" s="3" t="s">
        <v>37</v>
      </c>
      <c r="Q48" s="3" t="s">
        <v>37</v>
      </c>
      <c r="R48" s="3" t="s">
        <v>39</v>
      </c>
      <c r="S48" s="3" t="s">
        <v>1076</v>
      </c>
      <c r="T48" s="3" t="s">
        <v>37</v>
      </c>
      <c r="U48" s="3" t="s">
        <v>37</v>
      </c>
      <c r="V48" s="3" t="s">
        <v>37</v>
      </c>
    </row>
    <row r="49" spans="1:22" x14ac:dyDescent="0.25">
      <c r="A49" s="3" t="s">
        <v>911</v>
      </c>
      <c r="B49" s="4" t="s">
        <v>251</v>
      </c>
      <c r="C49" s="3" t="s">
        <v>252</v>
      </c>
      <c r="D49" s="5" t="s">
        <v>940</v>
      </c>
      <c r="E49" s="3" t="s">
        <v>934</v>
      </c>
      <c r="F49" s="3" t="s">
        <v>1077</v>
      </c>
      <c r="G49" s="3" t="s">
        <v>414</v>
      </c>
      <c r="H49" s="3" t="s">
        <v>29</v>
      </c>
      <c r="I49" s="3" t="s">
        <v>942</v>
      </c>
      <c r="J49" s="3" t="s">
        <v>1078</v>
      </c>
      <c r="K49" s="3" t="s">
        <v>32</v>
      </c>
      <c r="L49" s="3" t="s">
        <v>33</v>
      </c>
      <c r="M49" s="3" t="s">
        <v>938</v>
      </c>
      <c r="N49" s="3" t="s">
        <v>190</v>
      </c>
      <c r="O49" s="3" t="s">
        <v>158</v>
      </c>
      <c r="P49" s="3" t="s">
        <v>37</v>
      </c>
      <c r="Q49" s="3" t="s">
        <v>37</v>
      </c>
      <c r="R49" s="3" t="s">
        <v>39</v>
      </c>
      <c r="S49" s="3" t="s">
        <v>1079</v>
      </c>
      <c r="T49" s="3" t="s">
        <v>37</v>
      </c>
      <c r="U49" s="3" t="s">
        <v>37</v>
      </c>
      <c r="V49" s="3" t="s">
        <v>37</v>
      </c>
    </row>
    <row r="50" spans="1:22" x14ac:dyDescent="0.25">
      <c r="A50" s="3" t="s">
        <v>911</v>
      </c>
      <c r="B50" s="4" t="s">
        <v>251</v>
      </c>
      <c r="C50" s="3" t="s">
        <v>252</v>
      </c>
      <c r="D50" s="5" t="s">
        <v>70</v>
      </c>
      <c r="E50" s="3" t="s">
        <v>934</v>
      </c>
      <c r="F50" s="3" t="s">
        <v>1080</v>
      </c>
      <c r="G50" s="3" t="s">
        <v>201</v>
      </c>
      <c r="H50" s="3" t="s">
        <v>29</v>
      </c>
      <c r="I50" s="3" t="s">
        <v>936</v>
      </c>
      <c r="J50" s="3" t="s">
        <v>1081</v>
      </c>
      <c r="K50" s="3" t="s">
        <v>32</v>
      </c>
      <c r="L50" s="3" t="s">
        <v>33</v>
      </c>
      <c r="M50" s="3" t="s">
        <v>938</v>
      </c>
      <c r="N50" s="3" t="s">
        <v>190</v>
      </c>
      <c r="O50" s="3" t="s">
        <v>158</v>
      </c>
      <c r="P50" s="3" t="s">
        <v>37</v>
      </c>
      <c r="Q50" s="3" t="s">
        <v>37</v>
      </c>
      <c r="R50" s="3" t="s">
        <v>39</v>
      </c>
      <c r="S50" s="3" t="s">
        <v>1082</v>
      </c>
      <c r="T50" s="3" t="s">
        <v>37</v>
      </c>
      <c r="U50" s="3" t="s">
        <v>37</v>
      </c>
      <c r="V50" s="3" t="s">
        <v>37</v>
      </c>
    </row>
    <row r="51" spans="1:22" x14ac:dyDescent="0.25">
      <c r="A51" s="3" t="s">
        <v>911</v>
      </c>
      <c r="B51" s="4" t="s">
        <v>251</v>
      </c>
      <c r="C51" s="3" t="s">
        <v>252</v>
      </c>
      <c r="D51" s="5" t="s">
        <v>946</v>
      </c>
      <c r="E51" s="3" t="s">
        <v>934</v>
      </c>
      <c r="F51" s="3" t="s">
        <v>1083</v>
      </c>
      <c r="G51" s="3" t="s">
        <v>211</v>
      </c>
      <c r="H51" s="3" t="s">
        <v>29</v>
      </c>
      <c r="I51" s="3" t="s">
        <v>942</v>
      </c>
      <c r="J51" s="8" t="s">
        <v>937</v>
      </c>
      <c r="K51" s="3" t="s">
        <v>32</v>
      </c>
      <c r="L51" s="3" t="s">
        <v>33</v>
      </c>
      <c r="M51" s="3" t="s">
        <v>938</v>
      </c>
      <c r="N51" s="3" t="s">
        <v>190</v>
      </c>
      <c r="O51" s="3" t="s">
        <v>158</v>
      </c>
      <c r="P51" s="3" t="s">
        <v>37</v>
      </c>
      <c r="Q51" s="3" t="s">
        <v>37</v>
      </c>
      <c r="R51" s="3" t="s">
        <v>39</v>
      </c>
      <c r="S51" s="3" t="s">
        <v>1084</v>
      </c>
      <c r="T51" s="3" t="s">
        <v>37</v>
      </c>
      <c r="U51" s="3" t="s">
        <v>37</v>
      </c>
      <c r="V51" s="3" t="s">
        <v>37</v>
      </c>
    </row>
    <row r="52" spans="1:22" x14ac:dyDescent="0.25">
      <c r="A52" s="3" t="s">
        <v>911</v>
      </c>
      <c r="B52" s="4" t="s">
        <v>251</v>
      </c>
      <c r="C52" s="3" t="s">
        <v>252</v>
      </c>
      <c r="D52" s="5" t="s">
        <v>949</v>
      </c>
      <c r="E52" s="3" t="s">
        <v>934</v>
      </c>
      <c r="F52" s="3" t="s">
        <v>1085</v>
      </c>
      <c r="G52" s="3" t="s">
        <v>367</v>
      </c>
      <c r="H52" s="3" t="s">
        <v>29</v>
      </c>
      <c r="I52" s="3" t="s">
        <v>936</v>
      </c>
      <c r="J52" s="8" t="s">
        <v>937</v>
      </c>
      <c r="K52" s="3" t="s">
        <v>32</v>
      </c>
      <c r="L52" s="3" t="s">
        <v>33</v>
      </c>
      <c r="M52" s="3" t="s">
        <v>938</v>
      </c>
      <c r="N52" s="3" t="s">
        <v>190</v>
      </c>
      <c r="O52" s="3" t="s">
        <v>158</v>
      </c>
      <c r="P52" s="3" t="s">
        <v>37</v>
      </c>
      <c r="Q52" s="3" t="s">
        <v>37</v>
      </c>
      <c r="R52" s="3" t="s">
        <v>39</v>
      </c>
      <c r="S52" s="3" t="s">
        <v>1086</v>
      </c>
      <c r="T52" s="3" t="s">
        <v>37</v>
      </c>
      <c r="U52" s="3" t="s">
        <v>37</v>
      </c>
      <c r="V52" s="3" t="s">
        <v>37</v>
      </c>
    </row>
    <row r="53" spans="1:22" x14ac:dyDescent="0.25">
      <c r="A53" s="3" t="s">
        <v>911</v>
      </c>
      <c r="B53" s="4" t="s">
        <v>251</v>
      </c>
      <c r="C53" s="3" t="s">
        <v>252</v>
      </c>
      <c r="D53" s="5" t="s">
        <v>79</v>
      </c>
      <c r="E53" s="3" t="s">
        <v>934</v>
      </c>
      <c r="F53" s="3" t="s">
        <v>1087</v>
      </c>
      <c r="G53" s="3" t="s">
        <v>375</v>
      </c>
      <c r="H53" s="3" t="s">
        <v>29</v>
      </c>
      <c r="I53" s="3" t="s">
        <v>942</v>
      </c>
      <c r="J53" s="3" t="s">
        <v>1088</v>
      </c>
      <c r="K53" s="3" t="s">
        <v>32</v>
      </c>
      <c r="L53" s="3" t="s">
        <v>33</v>
      </c>
      <c r="M53" s="3" t="s">
        <v>938</v>
      </c>
      <c r="N53" s="3" t="s">
        <v>190</v>
      </c>
      <c r="O53" s="3" t="s">
        <v>158</v>
      </c>
      <c r="P53" s="3" t="s">
        <v>37</v>
      </c>
      <c r="Q53" s="3" t="s">
        <v>37</v>
      </c>
      <c r="R53" s="3" t="s">
        <v>39</v>
      </c>
      <c r="S53" s="3" t="s">
        <v>1089</v>
      </c>
      <c r="T53" s="3" t="s">
        <v>37</v>
      </c>
      <c r="U53" s="3" t="s">
        <v>37</v>
      </c>
      <c r="V53" s="3" t="s">
        <v>37</v>
      </c>
    </row>
    <row r="54" spans="1:22" x14ac:dyDescent="0.25">
      <c r="A54" s="3" t="s">
        <v>911</v>
      </c>
      <c r="B54" s="4" t="s">
        <v>251</v>
      </c>
      <c r="C54" s="3" t="s">
        <v>252</v>
      </c>
      <c r="D54" s="5" t="s">
        <v>955</v>
      </c>
      <c r="E54" s="3" t="s">
        <v>956</v>
      </c>
      <c r="F54" s="3" t="s">
        <v>1090</v>
      </c>
      <c r="G54" s="3" t="s">
        <v>649</v>
      </c>
      <c r="H54" s="3" t="s">
        <v>87</v>
      </c>
      <c r="I54" s="3" t="s">
        <v>37</v>
      </c>
      <c r="J54" s="3" t="s">
        <v>1091</v>
      </c>
      <c r="K54" s="3" t="s">
        <v>32</v>
      </c>
      <c r="L54" s="3" t="s">
        <v>33</v>
      </c>
      <c r="M54" s="3" t="s">
        <v>68</v>
      </c>
      <c r="N54" s="3" t="s">
        <v>190</v>
      </c>
      <c r="O54" s="3" t="s">
        <v>223</v>
      </c>
      <c r="P54" s="3" t="s">
        <v>37</v>
      </c>
      <c r="Q54" s="3" t="s">
        <v>37</v>
      </c>
      <c r="R54" s="3" t="s">
        <v>39</v>
      </c>
      <c r="S54" s="3" t="s">
        <v>1092</v>
      </c>
      <c r="T54" s="3" t="s">
        <v>37</v>
      </c>
      <c r="U54" s="3" t="s">
        <v>37</v>
      </c>
      <c r="V54" s="3" t="s">
        <v>37</v>
      </c>
    </row>
    <row r="55" spans="1:22" x14ac:dyDescent="0.25">
      <c r="A55" s="3" t="s">
        <v>911</v>
      </c>
      <c r="B55" s="4" t="s">
        <v>251</v>
      </c>
      <c r="C55" s="3" t="s">
        <v>252</v>
      </c>
      <c r="D55" s="5" t="s">
        <v>960</v>
      </c>
      <c r="E55" s="3" t="s">
        <v>956</v>
      </c>
      <c r="F55" s="3" t="s">
        <v>1093</v>
      </c>
      <c r="G55" s="3" t="s">
        <v>102</v>
      </c>
      <c r="H55" s="3" t="s">
        <v>87</v>
      </c>
      <c r="I55" s="3" t="s">
        <v>37</v>
      </c>
      <c r="J55" s="3" t="s">
        <v>1094</v>
      </c>
      <c r="K55" s="3" t="s">
        <v>32</v>
      </c>
      <c r="L55" s="3" t="s">
        <v>33</v>
      </c>
      <c r="M55" s="3" t="s">
        <v>68</v>
      </c>
      <c r="N55" s="3" t="s">
        <v>190</v>
      </c>
      <c r="O55" s="3" t="s">
        <v>223</v>
      </c>
      <c r="P55" s="3" t="s">
        <v>37</v>
      </c>
      <c r="Q55" s="3" t="s">
        <v>37</v>
      </c>
      <c r="R55" s="3" t="s">
        <v>39</v>
      </c>
      <c r="S55" s="3" t="s">
        <v>1095</v>
      </c>
      <c r="T55" s="3" t="s">
        <v>37</v>
      </c>
      <c r="U55" s="3" t="s">
        <v>37</v>
      </c>
      <c r="V55" s="3" t="s">
        <v>37</v>
      </c>
    </row>
    <row r="56" spans="1:22" x14ac:dyDescent="0.25">
      <c r="A56" s="3" t="s">
        <v>911</v>
      </c>
      <c r="B56" s="4" t="s">
        <v>251</v>
      </c>
      <c r="C56" s="3" t="s">
        <v>252</v>
      </c>
      <c r="D56" s="5" t="s">
        <v>964</v>
      </c>
      <c r="E56" s="3" t="s">
        <v>965</v>
      </c>
      <c r="F56" s="3" t="s">
        <v>1017</v>
      </c>
      <c r="G56" s="3" t="s">
        <v>206</v>
      </c>
      <c r="H56" s="3" t="s">
        <v>59</v>
      </c>
      <c r="I56" s="3" t="s">
        <v>1548</v>
      </c>
      <c r="J56" s="7" t="s">
        <v>967</v>
      </c>
      <c r="K56" s="3" t="s">
        <v>32</v>
      </c>
      <c r="L56" s="3" t="s">
        <v>33</v>
      </c>
      <c r="M56" s="3" t="s">
        <v>68</v>
      </c>
      <c r="N56" s="3" t="s">
        <v>190</v>
      </c>
      <c r="O56" s="3" t="s">
        <v>223</v>
      </c>
      <c r="P56" s="3" t="s">
        <v>37</v>
      </c>
      <c r="Q56" s="3" t="s">
        <v>37</v>
      </c>
      <c r="R56" s="3" t="s">
        <v>39</v>
      </c>
      <c r="S56" s="3" t="s">
        <v>1018</v>
      </c>
      <c r="T56" s="3" t="s">
        <v>37</v>
      </c>
      <c r="U56" s="3" t="s">
        <v>37</v>
      </c>
      <c r="V56" s="3" t="s">
        <v>37</v>
      </c>
    </row>
    <row r="57" spans="1:22" x14ac:dyDescent="0.25">
      <c r="A57" s="3" t="s">
        <v>911</v>
      </c>
      <c r="B57" s="4" t="s">
        <v>251</v>
      </c>
      <c r="C57" s="3" t="s">
        <v>252</v>
      </c>
      <c r="D57" s="5" t="s">
        <v>969</v>
      </c>
      <c r="E57" s="3" t="s">
        <v>956</v>
      </c>
      <c r="F57" s="3" t="s">
        <v>970</v>
      </c>
      <c r="G57" s="3" t="s">
        <v>430</v>
      </c>
      <c r="H57" s="3" t="s">
        <v>87</v>
      </c>
      <c r="I57" s="3" t="s">
        <v>37</v>
      </c>
      <c r="J57" s="7" t="s">
        <v>971</v>
      </c>
      <c r="K57" s="3" t="s">
        <v>32</v>
      </c>
      <c r="L57" s="3" t="s">
        <v>33</v>
      </c>
      <c r="M57" s="3" t="s">
        <v>68</v>
      </c>
      <c r="N57" s="3" t="s">
        <v>190</v>
      </c>
      <c r="O57" s="3" t="s">
        <v>223</v>
      </c>
      <c r="P57" s="3" t="s">
        <v>37</v>
      </c>
      <c r="Q57" s="3" t="s">
        <v>37</v>
      </c>
      <c r="R57" s="3" t="s">
        <v>39</v>
      </c>
      <c r="S57" s="3" t="s">
        <v>1015</v>
      </c>
      <c r="T57" s="3" t="s">
        <v>37</v>
      </c>
      <c r="U57" s="3" t="s">
        <v>37</v>
      </c>
      <c r="V57" s="3" t="s">
        <v>37</v>
      </c>
    </row>
    <row r="58" spans="1:22" x14ac:dyDescent="0.25">
      <c r="A58" s="3" t="s">
        <v>911</v>
      </c>
      <c r="B58" s="4" t="s">
        <v>251</v>
      </c>
      <c r="C58" s="3" t="s">
        <v>252</v>
      </c>
      <c r="D58" s="5" t="s">
        <v>105</v>
      </c>
      <c r="E58" s="3" t="s">
        <v>1020</v>
      </c>
      <c r="F58" s="3" t="s">
        <v>37</v>
      </c>
      <c r="G58" s="3">
        <v>1</v>
      </c>
      <c r="H58" s="3">
        <v>0</v>
      </c>
      <c r="I58" s="3" t="s">
        <v>1021</v>
      </c>
      <c r="J58" s="3" t="s">
        <v>1022</v>
      </c>
      <c r="K58" s="3" t="s">
        <v>1023</v>
      </c>
      <c r="L58" s="3" t="s">
        <v>33</v>
      </c>
      <c r="M58" s="3" t="s">
        <v>68</v>
      </c>
      <c r="N58" s="3" t="s">
        <v>35</v>
      </c>
      <c r="O58" s="3" t="s">
        <v>551</v>
      </c>
      <c r="P58" s="3" t="s">
        <v>37</v>
      </c>
      <c r="Q58" s="3" t="s">
        <v>37</v>
      </c>
      <c r="R58" s="3" t="s">
        <v>39</v>
      </c>
      <c r="S58" s="3" t="s">
        <v>1024</v>
      </c>
      <c r="T58" s="3" t="s">
        <v>37</v>
      </c>
      <c r="U58" s="3" t="s">
        <v>37</v>
      </c>
      <c r="V58" s="3" t="s">
        <v>37</v>
      </c>
    </row>
    <row r="59" spans="1:22" x14ac:dyDescent="0.25">
      <c r="A59" s="3" t="s">
        <v>911</v>
      </c>
      <c r="B59" s="4" t="s">
        <v>251</v>
      </c>
      <c r="C59" s="3" t="s">
        <v>252</v>
      </c>
      <c r="D59" s="5" t="s">
        <v>979</v>
      </c>
      <c r="E59" s="3" t="s">
        <v>1096</v>
      </c>
      <c r="F59" s="3" t="s">
        <v>1097</v>
      </c>
      <c r="G59" s="3" t="s">
        <v>1098</v>
      </c>
      <c r="H59" s="3" t="s">
        <v>295</v>
      </c>
      <c r="I59" s="3" t="s">
        <v>1099</v>
      </c>
      <c r="J59" s="3" t="s">
        <v>1100</v>
      </c>
      <c r="K59" s="3" t="s">
        <v>32</v>
      </c>
      <c r="L59" s="3" t="s">
        <v>33</v>
      </c>
      <c r="M59" s="3" t="s">
        <v>68</v>
      </c>
      <c r="N59" s="3" t="s">
        <v>61</v>
      </c>
      <c r="O59" s="3" t="s">
        <v>223</v>
      </c>
      <c r="P59" s="3" t="s">
        <v>37</v>
      </c>
      <c r="Q59" s="3" t="s">
        <v>37</v>
      </c>
      <c r="R59" s="3" t="s">
        <v>39</v>
      </c>
      <c r="S59" s="3" t="s">
        <v>1101</v>
      </c>
      <c r="T59" s="3" t="s">
        <v>37</v>
      </c>
      <c r="U59" s="3" t="s">
        <v>37</v>
      </c>
      <c r="V59" s="3" t="s">
        <v>37</v>
      </c>
    </row>
    <row r="60" spans="1:22" x14ac:dyDescent="0.25">
      <c r="A60" s="3" t="s">
        <v>911</v>
      </c>
      <c r="B60" s="4" t="s">
        <v>251</v>
      </c>
      <c r="C60" s="3" t="s">
        <v>252</v>
      </c>
      <c r="D60" s="5" t="s">
        <v>982</v>
      </c>
      <c r="E60" s="3" t="s">
        <v>1096</v>
      </c>
      <c r="F60" s="3" t="s">
        <v>1102</v>
      </c>
      <c r="G60" s="3" t="s">
        <v>1103</v>
      </c>
      <c r="H60" s="3" t="s">
        <v>295</v>
      </c>
      <c r="I60" s="3" t="s">
        <v>1551</v>
      </c>
      <c r="J60" s="3" t="s">
        <v>1104</v>
      </c>
      <c r="K60" s="3" t="s">
        <v>32</v>
      </c>
      <c r="L60" s="3" t="s">
        <v>33</v>
      </c>
      <c r="M60" s="3" t="s">
        <v>68</v>
      </c>
      <c r="N60" s="3" t="s">
        <v>61</v>
      </c>
      <c r="O60" s="3" t="s">
        <v>223</v>
      </c>
      <c r="P60" s="3" t="s">
        <v>37</v>
      </c>
      <c r="Q60" s="3" t="s">
        <v>37</v>
      </c>
      <c r="R60" s="3" t="s">
        <v>39</v>
      </c>
      <c r="S60" s="3" t="s">
        <v>1105</v>
      </c>
      <c r="T60" s="3" t="s">
        <v>37</v>
      </c>
      <c r="U60" s="3" t="s">
        <v>37</v>
      </c>
      <c r="V60" s="3" t="s">
        <v>37</v>
      </c>
    </row>
    <row r="61" spans="1:22" x14ac:dyDescent="0.25">
      <c r="A61" s="3" t="s">
        <v>911</v>
      </c>
      <c r="B61" s="4" t="s">
        <v>251</v>
      </c>
      <c r="C61" s="3" t="s">
        <v>252</v>
      </c>
      <c r="D61" s="5" t="s">
        <v>128</v>
      </c>
      <c r="E61" s="3" t="s">
        <v>1096</v>
      </c>
      <c r="F61" s="3" t="s">
        <v>1106</v>
      </c>
      <c r="G61" s="3" t="s">
        <v>1107</v>
      </c>
      <c r="H61" s="3" t="s">
        <v>295</v>
      </c>
      <c r="I61" s="3" t="s">
        <v>1108</v>
      </c>
      <c r="J61" s="3" t="s">
        <v>1109</v>
      </c>
      <c r="K61" s="3" t="s">
        <v>32</v>
      </c>
      <c r="L61" s="3" t="s">
        <v>33</v>
      </c>
      <c r="M61" s="3" t="s">
        <v>68</v>
      </c>
      <c r="N61" s="3" t="s">
        <v>61</v>
      </c>
      <c r="O61" s="3" t="s">
        <v>223</v>
      </c>
      <c r="P61" s="3" t="s">
        <v>37</v>
      </c>
      <c r="Q61" s="3" t="s">
        <v>37</v>
      </c>
      <c r="R61" s="3" t="s">
        <v>39</v>
      </c>
      <c r="S61" s="3" t="s">
        <v>1110</v>
      </c>
      <c r="T61" s="3" t="s">
        <v>37</v>
      </c>
      <c r="U61" s="3" t="s">
        <v>37</v>
      </c>
      <c r="V61" s="3" t="s">
        <v>37</v>
      </c>
    </row>
    <row r="62" spans="1:22" x14ac:dyDescent="0.25">
      <c r="A62" s="3" t="s">
        <v>911</v>
      </c>
      <c r="B62" s="4" t="s">
        <v>251</v>
      </c>
      <c r="C62" s="3" t="s">
        <v>252</v>
      </c>
      <c r="D62" s="5" t="s">
        <v>474</v>
      </c>
      <c r="E62" s="3" t="s">
        <v>1096</v>
      </c>
      <c r="F62" s="3" t="s">
        <v>1111</v>
      </c>
      <c r="G62" s="3" t="s">
        <v>1112</v>
      </c>
      <c r="H62" s="3" t="s">
        <v>295</v>
      </c>
      <c r="I62" s="3" t="s">
        <v>1113</v>
      </c>
      <c r="J62" s="3" t="s">
        <v>1114</v>
      </c>
      <c r="K62" s="3" t="s">
        <v>32</v>
      </c>
      <c r="L62" s="3" t="s">
        <v>33</v>
      </c>
      <c r="M62" s="3" t="s">
        <v>68</v>
      </c>
      <c r="N62" s="3" t="s">
        <v>61</v>
      </c>
      <c r="O62" s="3" t="s">
        <v>223</v>
      </c>
      <c r="P62" s="3" t="s">
        <v>37</v>
      </c>
      <c r="Q62" s="3" t="s">
        <v>37</v>
      </c>
      <c r="R62" s="3" t="s">
        <v>39</v>
      </c>
      <c r="S62" s="3" t="s">
        <v>1115</v>
      </c>
      <c r="T62" s="3" t="s">
        <v>37</v>
      </c>
      <c r="U62" s="3" t="s">
        <v>37</v>
      </c>
      <c r="V62" s="3" t="s">
        <v>37</v>
      </c>
    </row>
    <row r="63" spans="1:22" x14ac:dyDescent="0.25">
      <c r="A63" s="3" t="s">
        <v>911</v>
      </c>
      <c r="B63" s="4" t="s">
        <v>251</v>
      </c>
      <c r="C63" s="3" t="s">
        <v>252</v>
      </c>
      <c r="D63" s="5" t="s">
        <v>137</v>
      </c>
      <c r="E63" s="3" t="s">
        <v>1096</v>
      </c>
      <c r="F63" s="3" t="s">
        <v>1116</v>
      </c>
      <c r="G63" s="3" t="s">
        <v>1117</v>
      </c>
      <c r="H63" s="3" t="s">
        <v>295</v>
      </c>
      <c r="I63" s="3" t="s">
        <v>1122</v>
      </c>
      <c r="J63" s="3" t="s">
        <v>1118</v>
      </c>
      <c r="K63" s="3" t="s">
        <v>32</v>
      </c>
      <c r="L63" s="3" t="s">
        <v>33</v>
      </c>
      <c r="M63" s="3" t="s">
        <v>68</v>
      </c>
      <c r="N63" s="3" t="s">
        <v>61</v>
      </c>
      <c r="O63" s="3" t="s">
        <v>223</v>
      </c>
      <c r="P63" s="3" t="s">
        <v>37</v>
      </c>
      <c r="Q63" s="3" t="s">
        <v>37</v>
      </c>
      <c r="R63" s="3" t="s">
        <v>39</v>
      </c>
      <c r="S63" s="3" t="s">
        <v>1119</v>
      </c>
      <c r="T63" s="3" t="s">
        <v>37</v>
      </c>
      <c r="U63" s="3" t="s">
        <v>37</v>
      </c>
      <c r="V63" s="3" t="s">
        <v>37</v>
      </c>
    </row>
    <row r="64" spans="1:22" x14ac:dyDescent="0.25">
      <c r="A64" s="3" t="s">
        <v>911</v>
      </c>
      <c r="B64" s="4" t="s">
        <v>251</v>
      </c>
      <c r="C64" s="3" t="s">
        <v>252</v>
      </c>
      <c r="D64" s="5" t="s">
        <v>993</v>
      </c>
      <c r="E64" s="3" t="s">
        <v>1096</v>
      </c>
      <c r="F64" s="3" t="s">
        <v>1120</v>
      </c>
      <c r="G64" s="3" t="s">
        <v>1121</v>
      </c>
      <c r="H64" s="3" t="s">
        <v>295</v>
      </c>
      <c r="I64" s="3" t="s">
        <v>1122</v>
      </c>
      <c r="J64" s="3" t="s">
        <v>1123</v>
      </c>
      <c r="K64" s="3" t="s">
        <v>32</v>
      </c>
      <c r="L64" s="3" t="s">
        <v>33</v>
      </c>
      <c r="M64" s="3" t="s">
        <v>68</v>
      </c>
      <c r="N64" s="3" t="s">
        <v>61</v>
      </c>
      <c r="O64" s="3" t="s">
        <v>223</v>
      </c>
      <c r="P64" s="3" t="s">
        <v>37</v>
      </c>
      <c r="Q64" s="3" t="s">
        <v>37</v>
      </c>
      <c r="R64" s="3" t="s">
        <v>39</v>
      </c>
      <c r="S64" s="3" t="s">
        <v>1124</v>
      </c>
      <c r="T64" s="3" t="s">
        <v>37</v>
      </c>
      <c r="U64" s="3" t="s">
        <v>37</v>
      </c>
      <c r="V64" s="3" t="s">
        <v>37</v>
      </c>
    </row>
    <row r="65" spans="1:22" x14ac:dyDescent="0.25">
      <c r="A65" s="3" t="s">
        <v>911</v>
      </c>
      <c r="B65" s="4" t="s">
        <v>251</v>
      </c>
      <c r="C65" s="3" t="s">
        <v>252</v>
      </c>
      <c r="D65" s="5" t="s">
        <v>152</v>
      </c>
      <c r="E65" s="3" t="s">
        <v>996</v>
      </c>
      <c r="F65" s="3" t="s">
        <v>1125</v>
      </c>
      <c r="G65" s="3" t="s">
        <v>87</v>
      </c>
      <c r="H65" s="3" t="s">
        <v>29</v>
      </c>
      <c r="I65" s="3" t="s">
        <v>1126</v>
      </c>
      <c r="J65" s="3" t="s">
        <v>1127</v>
      </c>
      <c r="K65" s="3" t="s">
        <v>32</v>
      </c>
      <c r="L65" s="3" t="s">
        <v>33</v>
      </c>
      <c r="M65" s="3" t="s">
        <v>68</v>
      </c>
      <c r="N65" s="3" t="s">
        <v>77</v>
      </c>
      <c r="O65" s="3" t="s">
        <v>223</v>
      </c>
      <c r="P65" s="3" t="s">
        <v>37</v>
      </c>
      <c r="Q65" s="3" t="s">
        <v>37</v>
      </c>
      <c r="R65" s="3" t="s">
        <v>39</v>
      </c>
      <c r="S65" s="3" t="s">
        <v>1128</v>
      </c>
      <c r="T65" s="3" t="s">
        <v>37</v>
      </c>
      <c r="U65" s="3" t="s">
        <v>37</v>
      </c>
      <c r="V65" s="3" t="s">
        <v>37</v>
      </c>
    </row>
    <row r="66" spans="1:22" x14ac:dyDescent="0.25">
      <c r="A66" s="3" t="s">
        <v>911</v>
      </c>
      <c r="B66" s="4" t="s">
        <v>251</v>
      </c>
      <c r="C66" s="3" t="s">
        <v>252</v>
      </c>
      <c r="D66" s="5" t="s">
        <v>165</v>
      </c>
      <c r="E66" s="3" t="s">
        <v>996</v>
      </c>
      <c r="F66" s="3" t="s">
        <v>1129</v>
      </c>
      <c r="G66" s="3" t="s">
        <v>295</v>
      </c>
      <c r="H66" s="3" t="s">
        <v>29</v>
      </c>
      <c r="I66" s="3" t="s">
        <v>1001</v>
      </c>
      <c r="J66" s="3" t="s">
        <v>1130</v>
      </c>
      <c r="K66" s="3" t="s">
        <v>32</v>
      </c>
      <c r="L66" s="3" t="s">
        <v>33</v>
      </c>
      <c r="M66" s="3" t="s">
        <v>68</v>
      </c>
      <c r="N66" s="3" t="s">
        <v>77</v>
      </c>
      <c r="O66" s="3" t="s">
        <v>223</v>
      </c>
      <c r="P66" s="3" t="s">
        <v>37</v>
      </c>
      <c r="Q66" s="3" t="s">
        <v>37</v>
      </c>
      <c r="R66" s="3" t="s">
        <v>39</v>
      </c>
      <c r="S66" s="3" t="s">
        <v>1131</v>
      </c>
      <c r="T66" s="3" t="s">
        <v>37</v>
      </c>
      <c r="U66" s="3" t="s">
        <v>37</v>
      </c>
      <c r="V66" s="3" t="s">
        <v>37</v>
      </c>
    </row>
    <row r="67" spans="1:22" x14ac:dyDescent="0.25">
      <c r="A67" s="3" t="s">
        <v>911</v>
      </c>
      <c r="B67" s="4" t="s">
        <v>251</v>
      </c>
      <c r="C67" s="3" t="s">
        <v>252</v>
      </c>
      <c r="D67" s="5" t="s">
        <v>1004</v>
      </c>
      <c r="E67" s="3" t="s">
        <v>934</v>
      </c>
      <c r="F67" s="3" t="s">
        <v>1132</v>
      </c>
      <c r="G67" s="3" t="s">
        <v>176</v>
      </c>
      <c r="H67" s="3" t="s">
        <v>29</v>
      </c>
      <c r="I67" s="3" t="s">
        <v>936</v>
      </c>
      <c r="J67" s="8" t="s">
        <v>937</v>
      </c>
      <c r="K67" s="3" t="s">
        <v>32</v>
      </c>
      <c r="L67" s="3" t="s">
        <v>33</v>
      </c>
      <c r="M67" s="3" t="s">
        <v>938</v>
      </c>
      <c r="N67" s="3" t="s">
        <v>190</v>
      </c>
      <c r="O67" s="3" t="s">
        <v>158</v>
      </c>
      <c r="P67" s="3" t="s">
        <v>37</v>
      </c>
      <c r="Q67" s="3" t="s">
        <v>37</v>
      </c>
      <c r="R67" s="3" t="s">
        <v>39</v>
      </c>
      <c r="S67" s="3" t="s">
        <v>1133</v>
      </c>
      <c r="T67" s="3" t="s">
        <v>37</v>
      </c>
      <c r="U67" s="3" t="s">
        <v>37</v>
      </c>
      <c r="V67" s="3" t="s">
        <v>37</v>
      </c>
    </row>
    <row r="68" spans="1:22" x14ac:dyDescent="0.25">
      <c r="A68" s="3" t="s">
        <v>911</v>
      </c>
      <c r="B68" s="4" t="s">
        <v>251</v>
      </c>
      <c r="C68" s="3" t="s">
        <v>252</v>
      </c>
      <c r="D68" s="5" t="s">
        <v>174</v>
      </c>
      <c r="E68" s="3" t="s">
        <v>934</v>
      </c>
      <c r="F68" s="3" t="s">
        <v>1134</v>
      </c>
      <c r="G68" s="3" t="s">
        <v>344</v>
      </c>
      <c r="H68" s="3" t="s">
        <v>29</v>
      </c>
      <c r="I68" s="3" t="s">
        <v>936</v>
      </c>
      <c r="J68" s="8" t="s">
        <v>937</v>
      </c>
      <c r="K68" s="3" t="s">
        <v>32</v>
      </c>
      <c r="L68" s="3" t="s">
        <v>33</v>
      </c>
      <c r="M68" s="3" t="s">
        <v>938</v>
      </c>
      <c r="N68" s="3" t="s">
        <v>190</v>
      </c>
      <c r="O68" s="3" t="s">
        <v>158</v>
      </c>
      <c r="P68" s="3" t="s">
        <v>37</v>
      </c>
      <c r="Q68" s="3" t="s">
        <v>37</v>
      </c>
      <c r="R68" s="3" t="s">
        <v>39</v>
      </c>
      <c r="S68" s="3" t="s">
        <v>1135</v>
      </c>
      <c r="T68" s="3" t="s">
        <v>37</v>
      </c>
      <c r="U68" s="3" t="s">
        <v>37</v>
      </c>
      <c r="V68" s="3" t="s">
        <v>37</v>
      </c>
    </row>
    <row r="69" spans="1:22" x14ac:dyDescent="0.25">
      <c r="A69" s="3" t="s">
        <v>911</v>
      </c>
      <c r="B69" s="4" t="s">
        <v>251</v>
      </c>
      <c r="C69" s="3" t="s">
        <v>252</v>
      </c>
      <c r="D69" s="5" t="s">
        <v>1010</v>
      </c>
      <c r="E69" s="3" t="s">
        <v>934</v>
      </c>
      <c r="F69" s="3" t="s">
        <v>1136</v>
      </c>
      <c r="G69" s="3" t="s">
        <v>592</v>
      </c>
      <c r="H69" s="3" t="s">
        <v>29</v>
      </c>
      <c r="I69" s="3" t="s">
        <v>936</v>
      </c>
      <c r="J69" s="8" t="s">
        <v>937</v>
      </c>
      <c r="K69" s="3" t="s">
        <v>32</v>
      </c>
      <c r="L69" s="3" t="s">
        <v>33</v>
      </c>
      <c r="M69" s="3" t="s">
        <v>938</v>
      </c>
      <c r="N69" s="3" t="s">
        <v>190</v>
      </c>
      <c r="O69" s="3" t="s">
        <v>158</v>
      </c>
      <c r="P69" s="3" t="s">
        <v>37</v>
      </c>
      <c r="Q69" s="3" t="s">
        <v>37</v>
      </c>
      <c r="R69" s="3" t="s">
        <v>39</v>
      </c>
      <c r="S69" s="3" t="s">
        <v>1137</v>
      </c>
      <c r="T69" s="3" t="s">
        <v>37</v>
      </c>
      <c r="U69" s="3" t="s">
        <v>37</v>
      </c>
      <c r="V69" s="3" t="s">
        <v>37</v>
      </c>
    </row>
    <row r="70" spans="1:22" x14ac:dyDescent="0.25">
      <c r="A70" s="3" t="s">
        <v>911</v>
      </c>
      <c r="B70" s="4" t="s">
        <v>251</v>
      </c>
      <c r="C70" s="3" t="s">
        <v>252</v>
      </c>
      <c r="D70" s="5" t="s">
        <v>1014</v>
      </c>
      <c r="E70" s="3" t="s">
        <v>956</v>
      </c>
      <c r="F70" s="3" t="s">
        <v>970</v>
      </c>
      <c r="G70" s="3" t="s">
        <v>571</v>
      </c>
      <c r="H70" s="3" t="s">
        <v>87</v>
      </c>
      <c r="I70" s="3" t="s">
        <v>37</v>
      </c>
      <c r="J70" s="7" t="s">
        <v>971</v>
      </c>
      <c r="K70" s="3" t="s">
        <v>32</v>
      </c>
      <c r="L70" s="3" t="s">
        <v>33</v>
      </c>
      <c r="M70" s="3" t="s">
        <v>68</v>
      </c>
      <c r="N70" s="3" t="s">
        <v>190</v>
      </c>
      <c r="O70" s="3" t="s">
        <v>37</v>
      </c>
      <c r="P70" s="3" t="s">
        <v>37</v>
      </c>
      <c r="Q70" s="3" t="s">
        <v>37</v>
      </c>
      <c r="R70" s="3" t="s">
        <v>39</v>
      </c>
      <c r="S70" s="3" t="s">
        <v>972</v>
      </c>
      <c r="T70" s="3" t="s">
        <v>37</v>
      </c>
      <c r="U70" s="3" t="s">
        <v>37</v>
      </c>
      <c r="V70" s="3" t="s">
        <v>37</v>
      </c>
    </row>
    <row r="71" spans="1:22" x14ac:dyDescent="0.25">
      <c r="A71" s="3" t="s">
        <v>911</v>
      </c>
      <c r="B71" s="4" t="s">
        <v>251</v>
      </c>
      <c r="C71" s="3" t="s">
        <v>252</v>
      </c>
      <c r="D71" s="5" t="s">
        <v>1016</v>
      </c>
      <c r="E71" s="3" t="s">
        <v>965</v>
      </c>
      <c r="F71" s="3" t="s">
        <v>966</v>
      </c>
      <c r="G71" s="3" t="s">
        <v>367</v>
      </c>
      <c r="H71" s="3" t="s">
        <v>59</v>
      </c>
      <c r="I71" s="3" t="s">
        <v>1548</v>
      </c>
      <c r="J71" s="7" t="s">
        <v>967</v>
      </c>
      <c r="K71" s="3" t="s">
        <v>32</v>
      </c>
      <c r="L71" s="3" t="s">
        <v>33</v>
      </c>
      <c r="M71" s="3" t="s">
        <v>68</v>
      </c>
      <c r="N71" s="3" t="s">
        <v>190</v>
      </c>
      <c r="O71" s="3" t="s">
        <v>37</v>
      </c>
      <c r="P71" s="3" t="s">
        <v>37</v>
      </c>
      <c r="Q71" s="3" t="s">
        <v>37</v>
      </c>
      <c r="R71" s="3" t="s">
        <v>39</v>
      </c>
      <c r="S71" s="3" t="s">
        <v>968</v>
      </c>
      <c r="T71" s="3" t="s">
        <v>37</v>
      </c>
      <c r="U71" s="3" t="s">
        <v>37</v>
      </c>
      <c r="V71" s="3" t="s">
        <v>37</v>
      </c>
    </row>
    <row r="72" spans="1:22" x14ac:dyDescent="0.25">
      <c r="A72" s="3" t="s">
        <v>911</v>
      </c>
      <c r="B72" s="4" t="s">
        <v>251</v>
      </c>
      <c r="C72" s="3" t="s">
        <v>252</v>
      </c>
      <c r="D72" s="5" t="s">
        <v>1019</v>
      </c>
      <c r="E72" s="3" t="s">
        <v>973</v>
      </c>
      <c r="F72" s="3" t="s">
        <v>37</v>
      </c>
      <c r="G72" s="3">
        <v>1</v>
      </c>
      <c r="H72" s="3">
        <v>0</v>
      </c>
      <c r="I72" s="3" t="s">
        <v>974</v>
      </c>
      <c r="J72" s="3" t="s">
        <v>975</v>
      </c>
      <c r="K72" s="3" t="s">
        <v>33</v>
      </c>
      <c r="L72" s="3" t="s">
        <v>33</v>
      </c>
      <c r="M72" s="3" t="s">
        <v>68</v>
      </c>
      <c r="N72" s="3" t="s">
        <v>976</v>
      </c>
      <c r="O72" s="3" t="s">
        <v>977</v>
      </c>
      <c r="P72" s="3" t="s">
        <v>37</v>
      </c>
      <c r="Q72" s="3" t="s">
        <v>37</v>
      </c>
      <c r="R72" s="3" t="s">
        <v>39</v>
      </c>
      <c r="S72" s="3" t="s">
        <v>978</v>
      </c>
      <c r="T72" s="3" t="s">
        <v>37</v>
      </c>
      <c r="U72" s="3" t="s">
        <v>37</v>
      </c>
      <c r="V72" s="3" t="s">
        <v>37</v>
      </c>
    </row>
    <row r="73" spans="1:22" x14ac:dyDescent="0.25">
      <c r="A73" s="3" t="s">
        <v>911</v>
      </c>
      <c r="B73" s="4" t="s">
        <v>251</v>
      </c>
      <c r="C73" s="3" t="s">
        <v>252</v>
      </c>
      <c r="D73" s="5" t="s">
        <v>1025</v>
      </c>
      <c r="E73" s="3" t="s">
        <v>1026</v>
      </c>
      <c r="F73" s="3" t="s">
        <v>1138</v>
      </c>
      <c r="G73" s="3" t="s">
        <v>487</v>
      </c>
      <c r="H73" s="3" t="s">
        <v>87</v>
      </c>
      <c r="I73" s="3" t="s">
        <v>37</v>
      </c>
      <c r="J73" s="3" t="s">
        <v>1139</v>
      </c>
      <c r="K73" s="3" t="s">
        <v>32</v>
      </c>
      <c r="L73" s="3" t="s">
        <v>33</v>
      </c>
      <c r="M73" s="3" t="s">
        <v>68</v>
      </c>
      <c r="N73" s="3" t="s">
        <v>69</v>
      </c>
      <c r="O73" s="3" t="s">
        <v>53</v>
      </c>
      <c r="P73" s="3" t="s">
        <v>37</v>
      </c>
      <c r="Q73" s="3" t="s">
        <v>37</v>
      </c>
      <c r="R73" s="3" t="s">
        <v>39</v>
      </c>
      <c r="S73" s="3" t="s">
        <v>1140</v>
      </c>
      <c r="T73" s="3" t="s">
        <v>37</v>
      </c>
      <c r="U73" s="3" t="s">
        <v>37</v>
      </c>
      <c r="V73" s="3" t="s">
        <v>37</v>
      </c>
    </row>
    <row r="74" spans="1:22" x14ac:dyDescent="0.25">
      <c r="A74" s="3" t="s">
        <v>911</v>
      </c>
      <c r="B74" s="4" t="s">
        <v>251</v>
      </c>
      <c r="C74" s="3" t="s">
        <v>252</v>
      </c>
      <c r="D74" s="5" t="s">
        <v>199</v>
      </c>
      <c r="E74" s="3" t="s">
        <v>1031</v>
      </c>
      <c r="F74" s="3" t="s">
        <v>1141</v>
      </c>
      <c r="G74" s="3" t="s">
        <v>740</v>
      </c>
      <c r="H74" s="3" t="s">
        <v>87</v>
      </c>
      <c r="I74" s="3" t="s">
        <v>1142</v>
      </c>
      <c r="J74" s="3" t="s">
        <v>1143</v>
      </c>
      <c r="K74" s="3" t="s">
        <v>32</v>
      </c>
      <c r="L74" s="3" t="s">
        <v>33</v>
      </c>
      <c r="M74" s="3" t="s">
        <v>68</v>
      </c>
      <c r="N74" s="3" t="s">
        <v>52</v>
      </c>
      <c r="O74" s="3" t="s">
        <v>36</v>
      </c>
      <c r="P74" s="3" t="s">
        <v>37</v>
      </c>
      <c r="Q74" s="3" t="s">
        <v>37</v>
      </c>
      <c r="R74" s="3" t="s">
        <v>39</v>
      </c>
      <c r="S74" s="3" t="s">
        <v>1144</v>
      </c>
      <c r="T74" s="3" t="s">
        <v>37</v>
      </c>
      <c r="U74" s="3" t="s">
        <v>37</v>
      </c>
      <c r="V74" s="3" t="s">
        <v>37</v>
      </c>
    </row>
    <row r="75" spans="1:22" x14ac:dyDescent="0.25">
      <c r="A75" s="3" t="s">
        <v>911</v>
      </c>
      <c r="B75" s="4" t="s">
        <v>251</v>
      </c>
      <c r="C75" s="3" t="s">
        <v>252</v>
      </c>
      <c r="D75" s="5" t="s">
        <v>1036</v>
      </c>
      <c r="E75" s="3" t="s">
        <v>1031</v>
      </c>
      <c r="F75" s="3" t="s">
        <v>1145</v>
      </c>
      <c r="G75" s="3" t="s">
        <v>206</v>
      </c>
      <c r="H75" s="3" t="s">
        <v>59</v>
      </c>
      <c r="I75" s="3" t="s">
        <v>1552</v>
      </c>
      <c r="J75" s="3" t="s">
        <v>1146</v>
      </c>
      <c r="K75" s="3" t="s">
        <v>32</v>
      </c>
      <c r="L75" s="3" t="s">
        <v>33</v>
      </c>
      <c r="M75" s="3" t="s">
        <v>68</v>
      </c>
      <c r="N75" s="3" t="s">
        <v>35</v>
      </c>
      <c r="O75" s="3" t="s">
        <v>53</v>
      </c>
      <c r="P75" s="3" t="s">
        <v>37</v>
      </c>
      <c r="Q75" s="3" t="s">
        <v>37</v>
      </c>
      <c r="R75" s="3" t="s">
        <v>39</v>
      </c>
      <c r="S75" s="3" t="s">
        <v>1147</v>
      </c>
      <c r="T75" s="3" t="s">
        <v>37</v>
      </c>
      <c r="U75" s="3" t="s">
        <v>37</v>
      </c>
      <c r="V75" s="3" t="s">
        <v>37</v>
      </c>
    </row>
    <row r="76" spans="1:22" x14ac:dyDescent="0.25">
      <c r="A76" s="3" t="s">
        <v>911</v>
      </c>
      <c r="B76" s="4" t="s">
        <v>251</v>
      </c>
      <c r="C76" s="3" t="s">
        <v>252</v>
      </c>
      <c r="D76" s="5" t="s">
        <v>520</v>
      </c>
      <c r="E76" s="3" t="s">
        <v>521</v>
      </c>
      <c r="F76" s="3" t="s">
        <v>1148</v>
      </c>
      <c r="G76" s="3" t="s">
        <v>295</v>
      </c>
      <c r="H76" s="3" t="s">
        <v>29</v>
      </c>
      <c r="I76" s="3" t="s">
        <v>1043</v>
      </c>
      <c r="J76" s="3" t="s">
        <v>1149</v>
      </c>
      <c r="K76" s="3" t="s">
        <v>32</v>
      </c>
      <c r="L76" s="3" t="s">
        <v>1045</v>
      </c>
      <c r="M76" s="3" t="s">
        <v>34</v>
      </c>
      <c r="N76" s="3" t="s">
        <v>52</v>
      </c>
      <c r="O76" s="3" t="s">
        <v>223</v>
      </c>
      <c r="P76" s="3" t="s">
        <v>37</v>
      </c>
      <c r="Q76" s="3" t="s">
        <v>37</v>
      </c>
      <c r="R76" s="3" t="s">
        <v>39</v>
      </c>
      <c r="S76" s="3" t="s">
        <v>1150</v>
      </c>
      <c r="T76" s="3" t="s">
        <v>37</v>
      </c>
      <c r="U76" s="3" t="s">
        <v>37</v>
      </c>
      <c r="V76" s="3" t="s">
        <v>37</v>
      </c>
    </row>
    <row r="77" spans="1:22" x14ac:dyDescent="0.25">
      <c r="A77" s="3" t="s">
        <v>911</v>
      </c>
      <c r="B77" s="4" t="s">
        <v>251</v>
      </c>
      <c r="C77" s="3" t="s">
        <v>252</v>
      </c>
      <c r="D77" s="5" t="s">
        <v>1047</v>
      </c>
      <c r="E77" s="3" t="s">
        <v>521</v>
      </c>
      <c r="F77" s="3" t="s">
        <v>1151</v>
      </c>
      <c r="G77" s="3" t="s">
        <v>1152</v>
      </c>
      <c r="H77" s="3" t="s">
        <v>29</v>
      </c>
      <c r="I77" s="3" t="s">
        <v>1043</v>
      </c>
      <c r="J77" s="3" t="s">
        <v>1153</v>
      </c>
      <c r="K77" s="3" t="s">
        <v>32</v>
      </c>
      <c r="L77" s="3" t="s">
        <v>1045</v>
      </c>
      <c r="M77" s="3" t="s">
        <v>34</v>
      </c>
      <c r="N77" s="3" t="s">
        <v>52</v>
      </c>
      <c r="O77" s="3" t="s">
        <v>223</v>
      </c>
      <c r="P77" s="3" t="s">
        <v>37</v>
      </c>
      <c r="Q77" s="3" t="s">
        <v>37</v>
      </c>
      <c r="R77" s="3" t="s">
        <v>39</v>
      </c>
      <c r="S77" s="3" t="s">
        <v>1154</v>
      </c>
      <c r="T77" s="3" t="s">
        <v>37</v>
      </c>
      <c r="U77" s="3" t="s">
        <v>37</v>
      </c>
      <c r="V77" s="3" t="s">
        <v>37</v>
      </c>
    </row>
    <row r="78" spans="1:22" x14ac:dyDescent="0.25">
      <c r="A78" s="3" t="s">
        <v>911</v>
      </c>
      <c r="B78" s="4" t="s">
        <v>251</v>
      </c>
      <c r="C78" s="3" t="s">
        <v>252</v>
      </c>
      <c r="D78" s="5" t="s">
        <v>219</v>
      </c>
      <c r="E78" s="3" t="s">
        <v>521</v>
      </c>
      <c r="F78" s="3" t="s">
        <v>1155</v>
      </c>
      <c r="G78" s="3" t="s">
        <v>151</v>
      </c>
      <c r="H78" s="3" t="s">
        <v>29</v>
      </c>
      <c r="I78" s="3" t="s">
        <v>1043</v>
      </c>
      <c r="J78" s="3" t="s">
        <v>1156</v>
      </c>
      <c r="K78" s="3" t="s">
        <v>32</v>
      </c>
      <c r="L78" s="3" t="s">
        <v>1045</v>
      </c>
      <c r="M78" s="3" t="s">
        <v>34</v>
      </c>
      <c r="N78" s="3" t="s">
        <v>52</v>
      </c>
      <c r="O78" s="3" t="s">
        <v>223</v>
      </c>
      <c r="P78" s="3" t="s">
        <v>37</v>
      </c>
      <c r="Q78" s="3" t="s">
        <v>37</v>
      </c>
      <c r="R78" s="3" t="s">
        <v>39</v>
      </c>
      <c r="S78" s="3" t="s">
        <v>1157</v>
      </c>
      <c r="T78" s="3" t="s">
        <v>37</v>
      </c>
      <c r="U78" s="3" t="s">
        <v>37</v>
      </c>
      <c r="V78" s="3" t="s">
        <v>37</v>
      </c>
    </row>
    <row r="79" spans="1:22" x14ac:dyDescent="0.25">
      <c r="A79" s="3" t="s">
        <v>911</v>
      </c>
      <c r="B79" s="4" t="s">
        <v>251</v>
      </c>
      <c r="C79" s="3" t="s">
        <v>252</v>
      </c>
      <c r="D79" s="5" t="s">
        <v>390</v>
      </c>
      <c r="E79" s="3" t="s">
        <v>923</v>
      </c>
      <c r="F79" s="3" t="s">
        <v>1158</v>
      </c>
      <c r="G79" s="3" t="s">
        <v>87</v>
      </c>
      <c r="H79" s="3" t="s">
        <v>29</v>
      </c>
      <c r="I79" s="3" t="s">
        <v>925</v>
      </c>
      <c r="J79" s="3" t="s">
        <v>1159</v>
      </c>
      <c r="K79" s="3" t="s">
        <v>32</v>
      </c>
      <c r="L79" s="3" t="s">
        <v>33</v>
      </c>
      <c r="M79" s="3" t="s">
        <v>34</v>
      </c>
      <c r="N79" s="3" t="s">
        <v>69</v>
      </c>
      <c r="O79" s="3" t="s">
        <v>53</v>
      </c>
      <c r="P79" s="3" t="s">
        <v>37</v>
      </c>
      <c r="Q79" s="3" t="s">
        <v>37</v>
      </c>
      <c r="R79" s="3" t="s">
        <v>39</v>
      </c>
      <c r="S79" s="3" t="s">
        <v>1160</v>
      </c>
      <c r="T79" s="3" t="s">
        <v>37</v>
      </c>
      <c r="U79" s="3" t="s">
        <v>37</v>
      </c>
      <c r="V79" s="3" t="s">
        <v>37</v>
      </c>
    </row>
    <row r="80" spans="1:22" x14ac:dyDescent="0.25">
      <c r="A80" s="3" t="s">
        <v>911</v>
      </c>
      <c r="B80" s="4" t="s">
        <v>251</v>
      </c>
      <c r="C80" s="3" t="s">
        <v>252</v>
      </c>
      <c r="D80" s="5" t="s">
        <v>230</v>
      </c>
      <c r="E80" s="3" t="s">
        <v>923</v>
      </c>
      <c r="F80" s="3" t="s">
        <v>1161</v>
      </c>
      <c r="G80" s="3" t="s">
        <v>295</v>
      </c>
      <c r="H80" s="3" t="s">
        <v>29</v>
      </c>
      <c r="I80" s="3" t="s">
        <v>925</v>
      </c>
      <c r="J80" s="3" t="s">
        <v>1162</v>
      </c>
      <c r="K80" s="3" t="s">
        <v>32</v>
      </c>
      <c r="L80" s="3" t="s">
        <v>33</v>
      </c>
      <c r="M80" s="3" t="s">
        <v>34</v>
      </c>
      <c r="N80" s="3" t="s">
        <v>69</v>
      </c>
      <c r="O80" s="3" t="s">
        <v>53</v>
      </c>
      <c r="P80" s="3" t="s">
        <v>37</v>
      </c>
      <c r="Q80" s="3" t="s">
        <v>37</v>
      </c>
      <c r="R80" s="3" t="s">
        <v>39</v>
      </c>
      <c r="S80" s="3" t="s">
        <v>1163</v>
      </c>
      <c r="T80" s="3" t="s">
        <v>37</v>
      </c>
      <c r="U80" s="3" t="s">
        <v>37</v>
      </c>
      <c r="V80" s="3" t="s">
        <v>37</v>
      </c>
    </row>
    <row r="81" spans="1:22" x14ac:dyDescent="0.25">
      <c r="A81" s="3" t="s">
        <v>911</v>
      </c>
      <c r="B81" s="4" t="s">
        <v>251</v>
      </c>
      <c r="C81" s="3" t="s">
        <v>252</v>
      </c>
      <c r="D81" s="5" t="s">
        <v>1057</v>
      </c>
      <c r="E81" s="3" t="s">
        <v>923</v>
      </c>
      <c r="F81" s="3" t="s">
        <v>1164</v>
      </c>
      <c r="G81" s="3" t="s">
        <v>49</v>
      </c>
      <c r="H81" s="3" t="s">
        <v>29</v>
      </c>
      <c r="I81" s="3" t="s">
        <v>925</v>
      </c>
      <c r="J81" s="3" t="s">
        <v>1165</v>
      </c>
      <c r="K81" s="3" t="s">
        <v>32</v>
      </c>
      <c r="L81" s="3" t="s">
        <v>33</v>
      </c>
      <c r="M81" s="3" t="s">
        <v>34</v>
      </c>
      <c r="N81" s="3" t="s">
        <v>69</v>
      </c>
      <c r="O81" s="3" t="s">
        <v>53</v>
      </c>
      <c r="P81" s="3" t="s">
        <v>37</v>
      </c>
      <c r="Q81" s="3" t="s">
        <v>37</v>
      </c>
      <c r="R81" s="3" t="s">
        <v>39</v>
      </c>
      <c r="S81" s="3" t="s">
        <v>1166</v>
      </c>
      <c r="T81" s="3" t="s">
        <v>37</v>
      </c>
      <c r="U81" s="3" t="s">
        <v>37</v>
      </c>
      <c r="V81" s="3" t="s">
        <v>37</v>
      </c>
    </row>
    <row r="82" spans="1:22" x14ac:dyDescent="0.25">
      <c r="A82" s="3" t="s">
        <v>911</v>
      </c>
      <c r="B82" s="4" t="s">
        <v>251</v>
      </c>
      <c r="C82" s="3" t="s">
        <v>252</v>
      </c>
      <c r="D82" s="5" t="s">
        <v>239</v>
      </c>
      <c r="E82" s="3" t="s">
        <v>923</v>
      </c>
      <c r="F82" s="3" t="s">
        <v>1167</v>
      </c>
      <c r="G82" s="3" t="s">
        <v>1152</v>
      </c>
      <c r="H82" s="3" t="s">
        <v>29</v>
      </c>
      <c r="I82" s="3" t="s">
        <v>925</v>
      </c>
      <c r="J82" s="3" t="s">
        <v>1168</v>
      </c>
      <c r="K82" s="3" t="s">
        <v>32</v>
      </c>
      <c r="L82" s="3" t="s">
        <v>33</v>
      </c>
      <c r="M82" s="3" t="s">
        <v>34</v>
      </c>
      <c r="N82" s="3" t="s">
        <v>69</v>
      </c>
      <c r="O82" s="3" t="s">
        <v>53</v>
      </c>
      <c r="P82" s="3" t="s">
        <v>37</v>
      </c>
      <c r="Q82" s="3" t="s">
        <v>37</v>
      </c>
      <c r="R82" s="3" t="s">
        <v>39</v>
      </c>
      <c r="S82" s="3" t="s">
        <v>1169</v>
      </c>
      <c r="T82" s="3" t="s">
        <v>37</v>
      </c>
      <c r="U82" s="3" t="s">
        <v>37</v>
      </c>
      <c r="V82" s="3" t="s">
        <v>37</v>
      </c>
    </row>
    <row r="83" spans="1:22" x14ac:dyDescent="0.25">
      <c r="A83" s="3" t="s">
        <v>911</v>
      </c>
      <c r="B83" s="4" t="s">
        <v>251</v>
      </c>
      <c r="C83" s="3" t="s">
        <v>252</v>
      </c>
      <c r="D83" s="5" t="s">
        <v>1064</v>
      </c>
      <c r="E83" s="3" t="s">
        <v>521</v>
      </c>
      <c r="F83" s="3" t="s">
        <v>801</v>
      </c>
      <c r="G83" s="3" t="s">
        <v>546</v>
      </c>
      <c r="H83" s="3" t="s">
        <v>59</v>
      </c>
      <c r="I83" s="3" t="s">
        <v>523</v>
      </c>
      <c r="J83" s="3" t="s">
        <v>802</v>
      </c>
      <c r="K83" s="3" t="s">
        <v>32</v>
      </c>
      <c r="L83" s="3" t="s">
        <v>37</v>
      </c>
      <c r="M83" s="3" t="s">
        <v>34</v>
      </c>
      <c r="N83" s="3" t="s">
        <v>77</v>
      </c>
      <c r="O83" s="3" t="s">
        <v>223</v>
      </c>
      <c r="P83" s="3" t="s">
        <v>37</v>
      </c>
      <c r="Q83" s="3" t="s">
        <v>37</v>
      </c>
      <c r="R83" s="3" t="s">
        <v>39</v>
      </c>
      <c r="S83" s="3" t="s">
        <v>803</v>
      </c>
      <c r="T83" s="3" t="s">
        <v>37</v>
      </c>
      <c r="U83" s="3" t="s">
        <v>37</v>
      </c>
      <c r="V83" s="3" t="s">
        <v>37</v>
      </c>
    </row>
    <row r="84" spans="1:22" x14ac:dyDescent="0.25">
      <c r="A84" s="3"/>
      <c r="B84" s="4"/>
      <c r="C84" s="3"/>
      <c r="D84" s="5"/>
      <c r="E84" s="6" t="s">
        <v>1065</v>
      </c>
      <c r="F84" s="3"/>
      <c r="G84" s="3"/>
      <c r="H84" s="3"/>
      <c r="I84" s="3"/>
      <c r="J84" s="3"/>
      <c r="K84" s="3"/>
      <c r="L84" s="3"/>
      <c r="M84" s="3"/>
      <c r="N84" s="3"/>
      <c r="O84" s="3"/>
      <c r="P84" s="3"/>
      <c r="Q84" s="3"/>
      <c r="R84" s="3"/>
      <c r="S84" s="3"/>
      <c r="T84" s="3"/>
      <c r="U84" s="3"/>
      <c r="V84" s="3"/>
    </row>
    <row r="85" spans="1:22" x14ac:dyDescent="0.25">
      <c r="A85" s="3"/>
      <c r="B85" s="4"/>
      <c r="C85" s="3"/>
      <c r="D85" s="5"/>
      <c r="E85" s="3"/>
      <c r="F85" s="3"/>
      <c r="G85" s="3"/>
      <c r="H85" s="3"/>
      <c r="I85" s="3"/>
      <c r="J85" s="3"/>
      <c r="K85" s="3"/>
      <c r="L85" s="3"/>
      <c r="M85" s="3"/>
      <c r="N85" s="3"/>
      <c r="O85" s="3"/>
      <c r="P85" s="3"/>
      <c r="Q85" s="3"/>
      <c r="R85" s="3"/>
      <c r="S85" s="3"/>
      <c r="T85" s="3"/>
      <c r="U85" s="3"/>
      <c r="V85" s="3"/>
    </row>
    <row r="86" spans="1:22" x14ac:dyDescent="0.25">
      <c r="A86" s="3" t="s">
        <v>911</v>
      </c>
      <c r="B86" s="4" t="s">
        <v>408</v>
      </c>
      <c r="C86" s="3" t="s">
        <v>409</v>
      </c>
      <c r="D86" s="5" t="s">
        <v>25</v>
      </c>
      <c r="E86" s="3" t="s">
        <v>912</v>
      </c>
      <c r="F86" s="3" t="s">
        <v>1170</v>
      </c>
      <c r="G86" s="3" t="s">
        <v>295</v>
      </c>
      <c r="H86" s="3" t="s">
        <v>29</v>
      </c>
      <c r="I86" s="3" t="s">
        <v>920</v>
      </c>
      <c r="J86" s="3" t="s">
        <v>1171</v>
      </c>
      <c r="K86" s="3" t="s">
        <v>32</v>
      </c>
      <c r="L86" s="3" t="s">
        <v>33</v>
      </c>
      <c r="M86" s="3" t="s">
        <v>68</v>
      </c>
      <c r="N86" s="3" t="s">
        <v>916</v>
      </c>
      <c r="O86" s="3" t="s">
        <v>223</v>
      </c>
      <c r="P86" s="3" t="s">
        <v>37</v>
      </c>
      <c r="Q86" s="3" t="s">
        <v>37</v>
      </c>
      <c r="R86" s="3" t="s">
        <v>39</v>
      </c>
      <c r="S86" s="3" t="s">
        <v>1172</v>
      </c>
      <c r="T86" s="3" t="s">
        <v>37</v>
      </c>
      <c r="U86" s="3" t="s">
        <v>37</v>
      </c>
      <c r="V86" s="3" t="s">
        <v>37</v>
      </c>
    </row>
    <row r="87" spans="1:22" x14ac:dyDescent="0.25">
      <c r="A87" s="3" t="s">
        <v>911</v>
      </c>
      <c r="B87" s="4" t="s">
        <v>408</v>
      </c>
      <c r="C87" s="3" t="s">
        <v>409</v>
      </c>
      <c r="D87" s="5" t="s">
        <v>918</v>
      </c>
      <c r="E87" s="3" t="s">
        <v>912</v>
      </c>
      <c r="F87" s="3" t="s">
        <v>1173</v>
      </c>
      <c r="G87" s="3" t="s">
        <v>49</v>
      </c>
      <c r="H87" s="3" t="s">
        <v>29</v>
      </c>
      <c r="I87" s="3" t="s">
        <v>920</v>
      </c>
      <c r="J87" s="3" t="s">
        <v>1174</v>
      </c>
      <c r="K87" s="3" t="s">
        <v>32</v>
      </c>
      <c r="L87" s="3" t="s">
        <v>33</v>
      </c>
      <c r="M87" s="3" t="s">
        <v>68</v>
      </c>
      <c r="N87" s="3" t="s">
        <v>916</v>
      </c>
      <c r="O87" s="3" t="s">
        <v>223</v>
      </c>
      <c r="P87" s="3" t="s">
        <v>37</v>
      </c>
      <c r="Q87" s="3" t="s">
        <v>37</v>
      </c>
      <c r="R87" s="3" t="s">
        <v>39</v>
      </c>
      <c r="S87" s="3" t="s">
        <v>1175</v>
      </c>
      <c r="T87" s="3" t="s">
        <v>37</v>
      </c>
      <c r="U87" s="3" t="s">
        <v>37</v>
      </c>
      <c r="V87" s="3" t="s">
        <v>37</v>
      </c>
    </row>
    <row r="88" spans="1:22" x14ac:dyDescent="0.25">
      <c r="A88" s="3" t="s">
        <v>911</v>
      </c>
      <c r="B88" s="4" t="s">
        <v>408</v>
      </c>
      <c r="C88" s="3" t="s">
        <v>409</v>
      </c>
      <c r="D88" s="5" t="s">
        <v>46</v>
      </c>
      <c r="E88" s="3" t="s">
        <v>934</v>
      </c>
      <c r="F88" s="3" t="s">
        <v>1176</v>
      </c>
      <c r="G88" s="3" t="s">
        <v>310</v>
      </c>
      <c r="H88" s="3" t="s">
        <v>29</v>
      </c>
      <c r="I88" s="3" t="s">
        <v>942</v>
      </c>
      <c r="J88" s="3" t="s">
        <v>1177</v>
      </c>
      <c r="K88" s="3" t="s">
        <v>32</v>
      </c>
      <c r="L88" s="3" t="s">
        <v>33</v>
      </c>
      <c r="M88" s="3" t="s">
        <v>938</v>
      </c>
      <c r="N88" s="3" t="s">
        <v>190</v>
      </c>
      <c r="O88" s="3" t="s">
        <v>158</v>
      </c>
      <c r="P88" s="3" t="s">
        <v>37</v>
      </c>
      <c r="Q88" s="3" t="s">
        <v>37</v>
      </c>
      <c r="R88" s="3" t="s">
        <v>39</v>
      </c>
      <c r="S88" s="3" t="s">
        <v>1178</v>
      </c>
      <c r="T88" s="3" t="s">
        <v>37</v>
      </c>
      <c r="U88" s="3" t="s">
        <v>37</v>
      </c>
      <c r="V88" s="3" t="s">
        <v>37</v>
      </c>
    </row>
    <row r="89" spans="1:22" x14ac:dyDescent="0.25">
      <c r="A89" s="3" t="s">
        <v>911</v>
      </c>
      <c r="B89" s="4" t="s">
        <v>408</v>
      </c>
      <c r="C89" s="3" t="s">
        <v>409</v>
      </c>
      <c r="D89" s="5" t="s">
        <v>1179</v>
      </c>
      <c r="E89" s="3" t="s">
        <v>934</v>
      </c>
      <c r="F89" s="3" t="s">
        <v>1180</v>
      </c>
      <c r="G89" s="3" t="s">
        <v>714</v>
      </c>
      <c r="H89" s="3" t="s">
        <v>29</v>
      </c>
      <c r="I89" s="3" t="s">
        <v>942</v>
      </c>
      <c r="J89" s="8" t="s">
        <v>937</v>
      </c>
      <c r="K89" s="3" t="s">
        <v>32</v>
      </c>
      <c r="L89" s="3" t="s">
        <v>33</v>
      </c>
      <c r="M89" s="3" t="s">
        <v>938</v>
      </c>
      <c r="N89" s="3" t="s">
        <v>190</v>
      </c>
      <c r="O89" s="3" t="s">
        <v>158</v>
      </c>
      <c r="P89" s="3" t="s">
        <v>37</v>
      </c>
      <c r="Q89" s="3" t="s">
        <v>37</v>
      </c>
      <c r="R89" s="3" t="s">
        <v>39</v>
      </c>
      <c r="S89" s="3" t="s">
        <v>1181</v>
      </c>
      <c r="T89" s="3" t="s">
        <v>37</v>
      </c>
      <c r="U89" s="3" t="s">
        <v>37</v>
      </c>
      <c r="V89" s="3" t="s">
        <v>37</v>
      </c>
    </row>
    <row r="90" spans="1:22" x14ac:dyDescent="0.25">
      <c r="A90" s="3" t="s">
        <v>911</v>
      </c>
      <c r="B90" s="4" t="s">
        <v>408</v>
      </c>
      <c r="C90" s="3" t="s">
        <v>409</v>
      </c>
      <c r="D90" s="5" t="s">
        <v>1182</v>
      </c>
      <c r="E90" s="3" t="s">
        <v>934</v>
      </c>
      <c r="F90" s="3" t="s">
        <v>1183</v>
      </c>
      <c r="G90" s="3" t="s">
        <v>706</v>
      </c>
      <c r="H90" s="3" t="s">
        <v>29</v>
      </c>
      <c r="I90" s="3" t="s">
        <v>936</v>
      </c>
      <c r="J90" s="8" t="s">
        <v>937</v>
      </c>
      <c r="K90" s="3" t="s">
        <v>32</v>
      </c>
      <c r="L90" s="3" t="s">
        <v>33</v>
      </c>
      <c r="M90" s="3" t="s">
        <v>938</v>
      </c>
      <c r="N90" s="3" t="s">
        <v>190</v>
      </c>
      <c r="O90" s="3" t="s">
        <v>158</v>
      </c>
      <c r="P90" s="3" t="s">
        <v>37</v>
      </c>
      <c r="Q90" s="3" t="s">
        <v>37</v>
      </c>
      <c r="R90" s="3" t="s">
        <v>39</v>
      </c>
      <c r="S90" s="3" t="s">
        <v>1184</v>
      </c>
      <c r="T90" s="3" t="s">
        <v>37</v>
      </c>
      <c r="U90" s="3" t="s">
        <v>37</v>
      </c>
      <c r="V90" s="3" t="s">
        <v>37</v>
      </c>
    </row>
    <row r="91" spans="1:22" x14ac:dyDescent="0.25">
      <c r="A91" s="3" t="s">
        <v>911</v>
      </c>
      <c r="B91" s="4" t="s">
        <v>408</v>
      </c>
      <c r="C91" s="3" t="s">
        <v>409</v>
      </c>
      <c r="D91" s="5" t="s">
        <v>928</v>
      </c>
      <c r="E91" s="3" t="s">
        <v>934</v>
      </c>
      <c r="F91" s="3" t="s">
        <v>1185</v>
      </c>
      <c r="G91" s="3" t="s">
        <v>798</v>
      </c>
      <c r="H91" s="3" t="s">
        <v>29</v>
      </c>
      <c r="I91" s="3" t="s">
        <v>936</v>
      </c>
      <c r="J91" s="8" t="s">
        <v>937</v>
      </c>
      <c r="K91" s="3" t="s">
        <v>32</v>
      </c>
      <c r="L91" s="3" t="s">
        <v>33</v>
      </c>
      <c r="M91" s="3" t="s">
        <v>938</v>
      </c>
      <c r="N91" s="3" t="s">
        <v>190</v>
      </c>
      <c r="O91" s="3" t="s">
        <v>158</v>
      </c>
      <c r="P91" s="3" t="s">
        <v>37</v>
      </c>
      <c r="Q91" s="3" t="s">
        <v>37</v>
      </c>
      <c r="R91" s="3" t="s">
        <v>39</v>
      </c>
      <c r="S91" s="3" t="s">
        <v>1186</v>
      </c>
      <c r="T91" s="3" t="s">
        <v>37</v>
      </c>
      <c r="U91" s="3" t="s">
        <v>37</v>
      </c>
      <c r="V91" s="3" t="s">
        <v>37</v>
      </c>
    </row>
    <row r="92" spans="1:22" x14ac:dyDescent="0.25">
      <c r="A92" s="3" t="s">
        <v>911</v>
      </c>
      <c r="B92" s="4" t="s">
        <v>408</v>
      </c>
      <c r="C92" s="3" t="s">
        <v>409</v>
      </c>
      <c r="D92" s="5" t="s">
        <v>1187</v>
      </c>
      <c r="E92" s="3" t="s">
        <v>934</v>
      </c>
      <c r="F92" s="3" t="s">
        <v>1188</v>
      </c>
      <c r="G92" s="3" t="s">
        <v>29</v>
      </c>
      <c r="H92" s="3" t="s">
        <v>29</v>
      </c>
      <c r="I92" s="3" t="s">
        <v>936</v>
      </c>
      <c r="J92" s="3" t="s">
        <v>1189</v>
      </c>
      <c r="K92" s="3" t="s">
        <v>32</v>
      </c>
      <c r="L92" s="3" t="s">
        <v>33</v>
      </c>
      <c r="M92" s="3" t="s">
        <v>938</v>
      </c>
      <c r="N92" s="3" t="s">
        <v>190</v>
      </c>
      <c r="O92" s="3" t="s">
        <v>158</v>
      </c>
      <c r="P92" s="3" t="s">
        <v>37</v>
      </c>
      <c r="Q92" s="3" t="s">
        <v>37</v>
      </c>
      <c r="R92" s="3" t="s">
        <v>39</v>
      </c>
      <c r="S92" s="3" t="s">
        <v>1190</v>
      </c>
      <c r="T92" s="3" t="s">
        <v>37</v>
      </c>
      <c r="U92" s="3" t="s">
        <v>37</v>
      </c>
      <c r="V92" s="3" t="s">
        <v>37</v>
      </c>
    </row>
    <row r="93" spans="1:22" x14ac:dyDescent="0.25">
      <c r="A93" s="3" t="s">
        <v>911</v>
      </c>
      <c r="B93" s="4" t="s">
        <v>408</v>
      </c>
      <c r="C93" s="3" t="s">
        <v>409</v>
      </c>
      <c r="D93" s="5" t="s">
        <v>663</v>
      </c>
      <c r="E93" s="3" t="s">
        <v>934</v>
      </c>
      <c r="F93" s="3" t="s">
        <v>1191</v>
      </c>
      <c r="G93" s="3" t="s">
        <v>59</v>
      </c>
      <c r="H93" s="3" t="s">
        <v>29</v>
      </c>
      <c r="I93" s="3" t="s">
        <v>936</v>
      </c>
      <c r="J93" s="3" t="s">
        <v>1192</v>
      </c>
      <c r="K93" s="3" t="s">
        <v>32</v>
      </c>
      <c r="L93" s="3" t="s">
        <v>33</v>
      </c>
      <c r="M93" s="3" t="s">
        <v>938</v>
      </c>
      <c r="N93" s="3" t="s">
        <v>190</v>
      </c>
      <c r="O93" s="3" t="s">
        <v>158</v>
      </c>
      <c r="P93" s="3" t="s">
        <v>37</v>
      </c>
      <c r="Q93" s="3" t="s">
        <v>37</v>
      </c>
      <c r="R93" s="3" t="s">
        <v>39</v>
      </c>
      <c r="S93" s="3" t="s">
        <v>1193</v>
      </c>
      <c r="T93" s="3" t="s">
        <v>37</v>
      </c>
      <c r="U93" s="3" t="s">
        <v>37</v>
      </c>
      <c r="V93" s="3" t="s">
        <v>37</v>
      </c>
    </row>
    <row r="94" spans="1:22" x14ac:dyDescent="0.25">
      <c r="A94" s="3" t="s">
        <v>911</v>
      </c>
      <c r="B94" s="4" t="s">
        <v>408</v>
      </c>
      <c r="C94" s="3" t="s">
        <v>409</v>
      </c>
      <c r="D94" s="5" t="s">
        <v>933</v>
      </c>
      <c r="E94" s="3" t="s">
        <v>521</v>
      </c>
      <c r="F94" s="3" t="s">
        <v>1194</v>
      </c>
      <c r="G94" s="3" t="s">
        <v>384</v>
      </c>
      <c r="H94" s="3" t="s">
        <v>29</v>
      </c>
      <c r="I94" s="3" t="s">
        <v>1553</v>
      </c>
      <c r="J94" s="3" t="s">
        <v>1195</v>
      </c>
      <c r="K94" s="3" t="s">
        <v>32</v>
      </c>
      <c r="L94" s="3" t="s">
        <v>1045</v>
      </c>
      <c r="M94" s="3" t="s">
        <v>34</v>
      </c>
      <c r="N94" s="3" t="s">
        <v>52</v>
      </c>
      <c r="O94" s="3" t="s">
        <v>223</v>
      </c>
      <c r="P94" s="3" t="s">
        <v>37</v>
      </c>
      <c r="Q94" s="3" t="s">
        <v>37</v>
      </c>
      <c r="R94" s="3" t="s">
        <v>39</v>
      </c>
      <c r="S94" s="3" t="s">
        <v>1196</v>
      </c>
      <c r="T94" s="3" t="s">
        <v>37</v>
      </c>
      <c r="U94" s="3" t="s">
        <v>37</v>
      </c>
      <c r="V94" s="3" t="s">
        <v>37</v>
      </c>
    </row>
    <row r="95" spans="1:22" x14ac:dyDescent="0.25">
      <c r="A95" s="3" t="s">
        <v>911</v>
      </c>
      <c r="B95" s="4" t="s">
        <v>408</v>
      </c>
      <c r="C95" s="3" t="s">
        <v>409</v>
      </c>
      <c r="D95" s="5" t="s">
        <v>946</v>
      </c>
      <c r="E95" s="3" t="s">
        <v>521</v>
      </c>
      <c r="F95" s="3" t="s">
        <v>1197</v>
      </c>
      <c r="G95" s="3" t="s">
        <v>247</v>
      </c>
      <c r="H95" s="3" t="s">
        <v>59</v>
      </c>
      <c r="I95" s="3" t="s">
        <v>523</v>
      </c>
      <c r="J95" s="3" t="s">
        <v>1198</v>
      </c>
      <c r="K95" s="3" t="s">
        <v>32</v>
      </c>
      <c r="L95" s="3" t="s">
        <v>33</v>
      </c>
      <c r="M95" s="3" t="s">
        <v>34</v>
      </c>
      <c r="N95" s="3" t="s">
        <v>77</v>
      </c>
      <c r="O95" s="3" t="s">
        <v>223</v>
      </c>
      <c r="P95" s="3" t="s">
        <v>37</v>
      </c>
      <c r="Q95" s="3" t="s">
        <v>37</v>
      </c>
      <c r="R95" s="3" t="s">
        <v>39</v>
      </c>
      <c r="S95" s="3" t="s">
        <v>1199</v>
      </c>
      <c r="T95" s="3" t="s">
        <v>37</v>
      </c>
      <c r="U95" s="3" t="s">
        <v>37</v>
      </c>
      <c r="V95" s="3" t="s">
        <v>37</v>
      </c>
    </row>
    <row r="96" spans="1:22" x14ac:dyDescent="0.25">
      <c r="A96" s="3" t="s">
        <v>911</v>
      </c>
      <c r="B96" s="4" t="s">
        <v>408</v>
      </c>
      <c r="C96" s="3" t="s">
        <v>409</v>
      </c>
      <c r="D96" s="5" t="s">
        <v>955</v>
      </c>
      <c r="E96" s="3" t="s">
        <v>929</v>
      </c>
      <c r="F96" s="3" t="s">
        <v>1200</v>
      </c>
      <c r="G96" s="3" t="s">
        <v>140</v>
      </c>
      <c r="H96" s="3" t="s">
        <v>29</v>
      </c>
      <c r="I96" s="3" t="s">
        <v>37</v>
      </c>
      <c r="J96" s="3" t="s">
        <v>1201</v>
      </c>
      <c r="K96" s="3" t="s">
        <v>32</v>
      </c>
      <c r="L96" s="3" t="s">
        <v>33</v>
      </c>
      <c r="M96" s="3" t="s">
        <v>68</v>
      </c>
      <c r="N96" s="3" t="s">
        <v>69</v>
      </c>
      <c r="O96" s="3" t="s">
        <v>53</v>
      </c>
      <c r="P96" s="3" t="s">
        <v>37</v>
      </c>
      <c r="Q96" s="3" t="s">
        <v>37</v>
      </c>
      <c r="R96" s="3" t="s">
        <v>39</v>
      </c>
      <c r="S96" s="3" t="s">
        <v>1202</v>
      </c>
      <c r="T96" s="3" t="s">
        <v>37</v>
      </c>
      <c r="U96" s="3" t="s">
        <v>37</v>
      </c>
      <c r="V96" s="3" t="s">
        <v>37</v>
      </c>
    </row>
    <row r="97" spans="1:22" x14ac:dyDescent="0.25">
      <c r="A97" s="3" t="s">
        <v>911</v>
      </c>
      <c r="B97" s="4" t="s">
        <v>408</v>
      </c>
      <c r="C97" s="3" t="s">
        <v>409</v>
      </c>
      <c r="D97" s="5" t="s">
        <v>960</v>
      </c>
      <c r="E97" s="3" t="s">
        <v>929</v>
      </c>
      <c r="F97" s="3" t="s">
        <v>1203</v>
      </c>
      <c r="G97" s="3" t="s">
        <v>439</v>
      </c>
      <c r="H97" s="3" t="s">
        <v>29</v>
      </c>
      <c r="I97" s="3" t="s">
        <v>37</v>
      </c>
      <c r="J97" s="3" t="s">
        <v>1204</v>
      </c>
      <c r="K97" s="3" t="s">
        <v>32</v>
      </c>
      <c r="L97" s="3" t="s">
        <v>33</v>
      </c>
      <c r="M97" s="3" t="s">
        <v>68</v>
      </c>
      <c r="N97" s="3" t="s">
        <v>69</v>
      </c>
      <c r="O97" s="3" t="s">
        <v>53</v>
      </c>
      <c r="P97" s="3" t="s">
        <v>37</v>
      </c>
      <c r="Q97" s="3" t="s">
        <v>37</v>
      </c>
      <c r="R97" s="3" t="s">
        <v>39</v>
      </c>
      <c r="S97" s="3" t="s">
        <v>1205</v>
      </c>
      <c r="T97" s="3" t="s">
        <v>37</v>
      </c>
      <c r="U97" s="3" t="s">
        <v>37</v>
      </c>
      <c r="V97" s="3" t="s">
        <v>37</v>
      </c>
    </row>
    <row r="98" spans="1:22" x14ac:dyDescent="0.25">
      <c r="A98" s="3" t="s">
        <v>911</v>
      </c>
      <c r="B98" s="4" t="s">
        <v>408</v>
      </c>
      <c r="C98" s="3" t="s">
        <v>409</v>
      </c>
      <c r="D98" s="5" t="s">
        <v>964</v>
      </c>
      <c r="E98" s="3" t="s">
        <v>1206</v>
      </c>
      <c r="F98" s="3" t="s">
        <v>1207</v>
      </c>
      <c r="G98" s="3" t="s">
        <v>592</v>
      </c>
      <c r="H98" s="3" t="s">
        <v>59</v>
      </c>
      <c r="I98" s="3" t="s">
        <v>1314</v>
      </c>
      <c r="J98" s="3" t="s">
        <v>1209</v>
      </c>
      <c r="K98" s="3" t="s">
        <v>32</v>
      </c>
      <c r="L98" s="3" t="s">
        <v>33</v>
      </c>
      <c r="M98" s="3" t="s">
        <v>68</v>
      </c>
      <c r="N98" s="3" t="s">
        <v>69</v>
      </c>
      <c r="O98" s="3" t="s">
        <v>223</v>
      </c>
      <c r="P98" s="3" t="s">
        <v>37</v>
      </c>
      <c r="Q98" s="3" t="s">
        <v>37</v>
      </c>
      <c r="R98" s="3" t="s">
        <v>39</v>
      </c>
      <c r="S98" s="3" t="s">
        <v>1210</v>
      </c>
      <c r="T98" s="3" t="s">
        <v>37</v>
      </c>
      <c r="U98" s="3" t="s">
        <v>37</v>
      </c>
      <c r="V98" s="3" t="s">
        <v>37</v>
      </c>
    </row>
    <row r="99" spans="1:22" x14ac:dyDescent="0.25">
      <c r="A99" s="3" t="s">
        <v>911</v>
      </c>
      <c r="B99" s="4" t="s">
        <v>408</v>
      </c>
      <c r="C99" s="3" t="s">
        <v>409</v>
      </c>
      <c r="D99" s="5" t="s">
        <v>969</v>
      </c>
      <c r="E99" s="3" t="s">
        <v>1206</v>
      </c>
      <c r="F99" s="3" t="s">
        <v>1211</v>
      </c>
      <c r="G99" s="3" t="s">
        <v>189</v>
      </c>
      <c r="H99" s="3" t="s">
        <v>59</v>
      </c>
      <c r="I99" s="3" t="s">
        <v>1212</v>
      </c>
      <c r="J99" s="3" t="s">
        <v>1213</v>
      </c>
      <c r="K99" s="3" t="s">
        <v>32</v>
      </c>
      <c r="L99" s="3" t="s">
        <v>33</v>
      </c>
      <c r="M99" s="3" t="s">
        <v>68</v>
      </c>
      <c r="N99" s="3" t="s">
        <v>69</v>
      </c>
      <c r="O99" s="3" t="s">
        <v>223</v>
      </c>
      <c r="P99" s="3" t="s">
        <v>37</v>
      </c>
      <c r="Q99" s="3" t="s">
        <v>37</v>
      </c>
      <c r="R99" s="3" t="s">
        <v>39</v>
      </c>
      <c r="S99" s="3" t="s">
        <v>1214</v>
      </c>
      <c r="T99" s="3" t="s">
        <v>37</v>
      </c>
      <c r="U99" s="3" t="s">
        <v>37</v>
      </c>
      <c r="V99" s="3" t="s">
        <v>37</v>
      </c>
    </row>
    <row r="100" spans="1:22" x14ac:dyDescent="0.25">
      <c r="A100" s="3" t="s">
        <v>911</v>
      </c>
      <c r="B100" s="4" t="s">
        <v>408</v>
      </c>
      <c r="C100" s="3" t="s">
        <v>409</v>
      </c>
      <c r="D100" s="5" t="s">
        <v>105</v>
      </c>
      <c r="E100" s="3" t="s">
        <v>1206</v>
      </c>
      <c r="F100" s="3" t="s">
        <v>1215</v>
      </c>
      <c r="G100" s="3" t="s">
        <v>242</v>
      </c>
      <c r="H100" s="3" t="s">
        <v>59</v>
      </c>
      <c r="I100" s="3" t="s">
        <v>1212</v>
      </c>
      <c r="J100" s="3" t="s">
        <v>1217</v>
      </c>
      <c r="K100" s="3" t="s">
        <v>32</v>
      </c>
      <c r="L100" s="3" t="s">
        <v>33</v>
      </c>
      <c r="M100" s="3" t="s">
        <v>68</v>
      </c>
      <c r="N100" s="3" t="s">
        <v>69</v>
      </c>
      <c r="O100" s="3" t="s">
        <v>223</v>
      </c>
      <c r="P100" s="3" t="s">
        <v>37</v>
      </c>
      <c r="Q100" s="3" t="s">
        <v>37</v>
      </c>
      <c r="R100" s="3" t="s">
        <v>39</v>
      </c>
      <c r="S100" s="3" t="s">
        <v>1218</v>
      </c>
      <c r="T100" s="3" t="s">
        <v>37</v>
      </c>
      <c r="U100" s="3" t="s">
        <v>37</v>
      </c>
      <c r="V100" s="3" t="s">
        <v>37</v>
      </c>
    </row>
    <row r="101" spans="1:22" x14ac:dyDescent="0.25">
      <c r="A101" s="3" t="s">
        <v>911</v>
      </c>
      <c r="B101" s="4" t="s">
        <v>408</v>
      </c>
      <c r="C101" s="3" t="s">
        <v>409</v>
      </c>
      <c r="D101" s="5" t="s">
        <v>685</v>
      </c>
      <c r="E101" s="3" t="s">
        <v>521</v>
      </c>
      <c r="F101" s="3" t="s">
        <v>1219</v>
      </c>
      <c r="G101" s="3" t="s">
        <v>28</v>
      </c>
      <c r="H101" s="3" t="s">
        <v>29</v>
      </c>
      <c r="I101" s="3" t="s">
        <v>1220</v>
      </c>
      <c r="J101" s="3" t="s">
        <v>1221</v>
      </c>
      <c r="K101" s="3" t="s">
        <v>32</v>
      </c>
      <c r="L101" s="3" t="s">
        <v>1045</v>
      </c>
      <c r="M101" s="3" t="s">
        <v>34</v>
      </c>
      <c r="N101" s="3" t="s">
        <v>52</v>
      </c>
      <c r="O101" s="3" t="s">
        <v>223</v>
      </c>
      <c r="P101" s="3" t="s">
        <v>37</v>
      </c>
      <c r="Q101" s="3" t="s">
        <v>37</v>
      </c>
      <c r="R101" s="3" t="s">
        <v>39</v>
      </c>
      <c r="S101" s="3" t="s">
        <v>1222</v>
      </c>
      <c r="T101" s="3" t="s">
        <v>37</v>
      </c>
      <c r="U101" s="3" t="s">
        <v>37</v>
      </c>
      <c r="V101" s="3" t="s">
        <v>37</v>
      </c>
    </row>
    <row r="102" spans="1:22" x14ac:dyDescent="0.25">
      <c r="A102" s="3" t="s">
        <v>911</v>
      </c>
      <c r="B102" s="4" t="s">
        <v>408</v>
      </c>
      <c r="C102" s="3" t="s">
        <v>409</v>
      </c>
      <c r="D102" s="5" t="s">
        <v>979</v>
      </c>
      <c r="E102" s="3" t="s">
        <v>521</v>
      </c>
      <c r="F102" s="3" t="s">
        <v>1223</v>
      </c>
      <c r="G102" s="3" t="s">
        <v>43</v>
      </c>
      <c r="H102" s="3" t="s">
        <v>29</v>
      </c>
      <c r="I102" s="3" t="s">
        <v>1220</v>
      </c>
      <c r="J102" s="3" t="s">
        <v>1224</v>
      </c>
      <c r="K102" s="3" t="s">
        <v>32</v>
      </c>
      <c r="L102" s="3" t="s">
        <v>1045</v>
      </c>
      <c r="M102" s="3" t="s">
        <v>34</v>
      </c>
      <c r="N102" s="3" t="s">
        <v>52</v>
      </c>
      <c r="O102" s="3" t="s">
        <v>223</v>
      </c>
      <c r="P102" s="3" t="s">
        <v>37</v>
      </c>
      <c r="Q102" s="3" t="s">
        <v>37</v>
      </c>
      <c r="R102" s="3" t="s">
        <v>39</v>
      </c>
      <c r="S102" s="3" t="s">
        <v>1225</v>
      </c>
      <c r="T102" s="3" t="s">
        <v>37</v>
      </c>
      <c r="U102" s="3" t="s">
        <v>37</v>
      </c>
      <c r="V102" s="3" t="s">
        <v>37</v>
      </c>
    </row>
    <row r="103" spans="1:22" x14ac:dyDescent="0.25">
      <c r="A103" s="3" t="s">
        <v>911</v>
      </c>
      <c r="B103" s="4" t="s">
        <v>408</v>
      </c>
      <c r="C103" s="3" t="s">
        <v>409</v>
      </c>
      <c r="D103" s="5" t="s">
        <v>982</v>
      </c>
      <c r="E103" s="3" t="s">
        <v>521</v>
      </c>
      <c r="F103" s="3" t="s">
        <v>1226</v>
      </c>
      <c r="G103" s="3" t="s">
        <v>414</v>
      </c>
      <c r="H103" s="3" t="s">
        <v>29</v>
      </c>
      <c r="I103" s="3" t="s">
        <v>1220</v>
      </c>
      <c r="J103" s="3" t="s">
        <v>1227</v>
      </c>
      <c r="K103" s="3" t="s">
        <v>32</v>
      </c>
      <c r="L103" s="3" t="s">
        <v>1045</v>
      </c>
      <c r="M103" s="3" t="s">
        <v>34</v>
      </c>
      <c r="N103" s="3" t="s">
        <v>52</v>
      </c>
      <c r="O103" s="3" t="s">
        <v>223</v>
      </c>
      <c r="P103" s="3" t="s">
        <v>37</v>
      </c>
      <c r="Q103" s="3" t="s">
        <v>37</v>
      </c>
      <c r="R103" s="3" t="s">
        <v>39</v>
      </c>
      <c r="S103" s="3" t="s">
        <v>1228</v>
      </c>
      <c r="T103" s="3" t="s">
        <v>37</v>
      </c>
      <c r="U103" s="3" t="s">
        <v>37</v>
      </c>
      <c r="V103" s="3" t="s">
        <v>37</v>
      </c>
    </row>
    <row r="104" spans="1:22" x14ac:dyDescent="0.25">
      <c r="A104" s="3" t="s">
        <v>911</v>
      </c>
      <c r="B104" s="4" t="s">
        <v>408</v>
      </c>
      <c r="C104" s="3" t="s">
        <v>409</v>
      </c>
      <c r="D104" s="5" t="s">
        <v>128</v>
      </c>
      <c r="E104" s="3" t="s">
        <v>965</v>
      </c>
      <c r="F104" s="3" t="s">
        <v>1229</v>
      </c>
      <c r="G104" s="3" t="s">
        <v>147</v>
      </c>
      <c r="H104" s="3" t="s">
        <v>29</v>
      </c>
      <c r="I104" s="3" t="s">
        <v>1230</v>
      </c>
      <c r="J104" s="3" t="s">
        <v>1231</v>
      </c>
      <c r="K104" s="3" t="s">
        <v>32</v>
      </c>
      <c r="L104" s="3" t="s">
        <v>33</v>
      </c>
      <c r="M104" s="3" t="s">
        <v>68</v>
      </c>
      <c r="N104" s="3" t="s">
        <v>69</v>
      </c>
      <c r="O104" s="3" t="s">
        <v>36</v>
      </c>
      <c r="P104" s="3" t="s">
        <v>37</v>
      </c>
      <c r="Q104" s="3" t="s">
        <v>37</v>
      </c>
      <c r="R104" s="3" t="s">
        <v>39</v>
      </c>
      <c r="S104" s="3" t="s">
        <v>1232</v>
      </c>
      <c r="T104" s="3" t="s">
        <v>37</v>
      </c>
      <c r="U104" s="3" t="s">
        <v>37</v>
      </c>
      <c r="V104" s="3" t="s">
        <v>37</v>
      </c>
    </row>
    <row r="105" spans="1:22" x14ac:dyDescent="0.25">
      <c r="A105" s="3" t="s">
        <v>911</v>
      </c>
      <c r="B105" s="4" t="s">
        <v>408</v>
      </c>
      <c r="C105" s="3" t="s">
        <v>409</v>
      </c>
      <c r="D105" s="5" t="s">
        <v>474</v>
      </c>
      <c r="E105" s="3" t="s">
        <v>965</v>
      </c>
      <c r="F105" s="3" t="s">
        <v>1233</v>
      </c>
      <c r="G105" s="3" t="s">
        <v>328</v>
      </c>
      <c r="H105" s="3" t="s">
        <v>29</v>
      </c>
      <c r="I105" s="3" t="s">
        <v>1230</v>
      </c>
      <c r="J105" s="3" t="s">
        <v>1234</v>
      </c>
      <c r="K105" s="3" t="s">
        <v>32</v>
      </c>
      <c r="L105" s="3" t="s">
        <v>33</v>
      </c>
      <c r="M105" s="3" t="s">
        <v>68</v>
      </c>
      <c r="N105" s="3" t="s">
        <v>69</v>
      </c>
      <c r="O105" s="3" t="s">
        <v>36</v>
      </c>
      <c r="P105" s="3" t="s">
        <v>37</v>
      </c>
      <c r="Q105" s="3" t="s">
        <v>37</v>
      </c>
      <c r="R105" s="3" t="s">
        <v>39</v>
      </c>
      <c r="S105" s="3" t="s">
        <v>1235</v>
      </c>
      <c r="T105" s="3" t="s">
        <v>37</v>
      </c>
      <c r="U105" s="3" t="s">
        <v>37</v>
      </c>
      <c r="V105" s="3" t="s">
        <v>37</v>
      </c>
    </row>
    <row r="106" spans="1:22" x14ac:dyDescent="0.25">
      <c r="A106" s="3" t="s">
        <v>911</v>
      </c>
      <c r="B106" s="4" t="s">
        <v>408</v>
      </c>
      <c r="C106" s="3" t="s">
        <v>409</v>
      </c>
      <c r="D106" s="5" t="s">
        <v>137</v>
      </c>
      <c r="E106" s="3" t="s">
        <v>934</v>
      </c>
      <c r="F106" s="3" t="s">
        <v>1236</v>
      </c>
      <c r="G106" s="3" t="s">
        <v>87</v>
      </c>
      <c r="H106" s="3" t="s">
        <v>29</v>
      </c>
      <c r="I106" s="3" t="s">
        <v>936</v>
      </c>
      <c r="J106" s="3" t="s">
        <v>1237</v>
      </c>
      <c r="K106" s="3" t="s">
        <v>32</v>
      </c>
      <c r="L106" s="3" t="s">
        <v>33</v>
      </c>
      <c r="M106" s="3" t="s">
        <v>938</v>
      </c>
      <c r="N106" s="3" t="s">
        <v>190</v>
      </c>
      <c r="O106" s="3" t="s">
        <v>158</v>
      </c>
      <c r="P106" s="3" t="s">
        <v>37</v>
      </c>
      <c r="Q106" s="3" t="s">
        <v>37</v>
      </c>
      <c r="R106" s="3" t="s">
        <v>39</v>
      </c>
      <c r="S106" s="3" t="s">
        <v>1238</v>
      </c>
      <c r="T106" s="3" t="s">
        <v>37</v>
      </c>
      <c r="U106" s="3" t="s">
        <v>37</v>
      </c>
      <c r="V106" s="3" t="s">
        <v>37</v>
      </c>
    </row>
    <row r="107" spans="1:22" x14ac:dyDescent="0.25">
      <c r="A107" s="3" t="s">
        <v>911</v>
      </c>
      <c r="B107" s="4" t="s">
        <v>408</v>
      </c>
      <c r="C107" s="3" t="s">
        <v>409</v>
      </c>
      <c r="D107" s="5" t="s">
        <v>692</v>
      </c>
      <c r="E107" s="3" t="s">
        <v>934</v>
      </c>
      <c r="F107" s="3" t="s">
        <v>1239</v>
      </c>
      <c r="G107" s="3" t="s">
        <v>295</v>
      </c>
      <c r="H107" s="3" t="s">
        <v>29</v>
      </c>
      <c r="I107" s="3" t="s">
        <v>936</v>
      </c>
      <c r="J107" s="3" t="s">
        <v>1240</v>
      </c>
      <c r="K107" s="3" t="s">
        <v>32</v>
      </c>
      <c r="L107" s="3" t="s">
        <v>33</v>
      </c>
      <c r="M107" s="3" t="s">
        <v>938</v>
      </c>
      <c r="N107" s="3" t="s">
        <v>190</v>
      </c>
      <c r="O107" s="3" t="s">
        <v>158</v>
      </c>
      <c r="P107" s="3" t="s">
        <v>37</v>
      </c>
      <c r="Q107" s="3" t="s">
        <v>37</v>
      </c>
      <c r="R107" s="3" t="s">
        <v>39</v>
      </c>
      <c r="S107" s="3" t="s">
        <v>1241</v>
      </c>
      <c r="T107" s="3" t="s">
        <v>37</v>
      </c>
      <c r="U107" s="3" t="s">
        <v>37</v>
      </c>
      <c r="V107" s="3" t="s">
        <v>37</v>
      </c>
    </row>
    <row r="108" spans="1:22" x14ac:dyDescent="0.25">
      <c r="A108" s="3" t="s">
        <v>911</v>
      </c>
      <c r="B108" s="4" t="s">
        <v>408</v>
      </c>
      <c r="C108" s="3" t="s">
        <v>409</v>
      </c>
      <c r="D108" s="5" t="s">
        <v>1242</v>
      </c>
      <c r="E108" s="3" t="s">
        <v>934</v>
      </c>
      <c r="F108" s="3" t="s">
        <v>1243</v>
      </c>
      <c r="G108" s="3" t="s">
        <v>1152</v>
      </c>
      <c r="H108" s="3" t="s">
        <v>29</v>
      </c>
      <c r="I108" s="3" t="s">
        <v>936</v>
      </c>
      <c r="J108" s="3" t="s">
        <v>1244</v>
      </c>
      <c r="K108" s="3" t="s">
        <v>32</v>
      </c>
      <c r="L108" s="3" t="s">
        <v>33</v>
      </c>
      <c r="M108" s="3" t="s">
        <v>938</v>
      </c>
      <c r="N108" s="3" t="s">
        <v>190</v>
      </c>
      <c r="O108" s="3" t="s">
        <v>158</v>
      </c>
      <c r="P108" s="3" t="s">
        <v>37</v>
      </c>
      <c r="Q108" s="3" t="s">
        <v>37</v>
      </c>
      <c r="R108" s="3" t="s">
        <v>39</v>
      </c>
      <c r="S108" s="3" t="s">
        <v>1245</v>
      </c>
      <c r="T108" s="3" t="s">
        <v>37</v>
      </c>
      <c r="U108" s="3" t="s">
        <v>37</v>
      </c>
      <c r="V108" s="3" t="s">
        <v>37</v>
      </c>
    </row>
    <row r="109" spans="1:22" x14ac:dyDescent="0.25">
      <c r="A109" s="3" t="s">
        <v>911</v>
      </c>
      <c r="B109" s="4" t="s">
        <v>408</v>
      </c>
      <c r="C109" s="3" t="s">
        <v>409</v>
      </c>
      <c r="D109" s="5" t="s">
        <v>993</v>
      </c>
      <c r="E109" s="3" t="s">
        <v>934</v>
      </c>
      <c r="F109" s="3" t="s">
        <v>1246</v>
      </c>
      <c r="G109" s="3" t="s">
        <v>151</v>
      </c>
      <c r="H109" s="3" t="s">
        <v>29</v>
      </c>
      <c r="I109" s="3" t="s">
        <v>936</v>
      </c>
      <c r="J109" s="8" t="s">
        <v>937</v>
      </c>
      <c r="K109" s="3" t="s">
        <v>32</v>
      </c>
      <c r="L109" s="3" t="s">
        <v>33</v>
      </c>
      <c r="M109" s="3" t="s">
        <v>938</v>
      </c>
      <c r="N109" s="3" t="s">
        <v>190</v>
      </c>
      <c r="O109" s="3" t="s">
        <v>158</v>
      </c>
      <c r="P109" s="3" t="s">
        <v>37</v>
      </c>
      <c r="Q109" s="3" t="s">
        <v>37</v>
      </c>
      <c r="R109" s="3" t="s">
        <v>39</v>
      </c>
      <c r="S109" s="3" t="s">
        <v>1247</v>
      </c>
      <c r="T109" s="3" t="s">
        <v>37</v>
      </c>
      <c r="U109" s="3" t="s">
        <v>37</v>
      </c>
      <c r="V109" s="3" t="s">
        <v>37</v>
      </c>
    </row>
    <row r="110" spans="1:22" x14ac:dyDescent="0.25">
      <c r="A110" s="3" t="s">
        <v>911</v>
      </c>
      <c r="B110" s="4" t="s">
        <v>408</v>
      </c>
      <c r="C110" s="3" t="s">
        <v>409</v>
      </c>
      <c r="D110" s="5" t="s">
        <v>1248</v>
      </c>
      <c r="E110" s="3" t="s">
        <v>934</v>
      </c>
      <c r="F110" s="3" t="s">
        <v>935</v>
      </c>
      <c r="G110" s="3" t="s">
        <v>280</v>
      </c>
      <c r="H110" s="3" t="s">
        <v>29</v>
      </c>
      <c r="I110" s="3" t="s">
        <v>942</v>
      </c>
      <c r="J110" s="8" t="s">
        <v>937</v>
      </c>
      <c r="K110" s="3" t="s">
        <v>32</v>
      </c>
      <c r="L110" s="3" t="s">
        <v>33</v>
      </c>
      <c r="M110" s="3" t="s">
        <v>938</v>
      </c>
      <c r="N110" s="3" t="s">
        <v>190</v>
      </c>
      <c r="O110" s="3" t="s">
        <v>158</v>
      </c>
      <c r="P110" s="3" t="s">
        <v>37</v>
      </c>
      <c r="Q110" s="3" t="s">
        <v>37</v>
      </c>
      <c r="R110" s="3" t="s">
        <v>39</v>
      </c>
      <c r="S110" s="3" t="s">
        <v>939</v>
      </c>
      <c r="T110" s="3" t="s">
        <v>37</v>
      </c>
      <c r="U110" s="3" t="s">
        <v>37</v>
      </c>
      <c r="V110" s="3" t="s">
        <v>37</v>
      </c>
    </row>
    <row r="111" spans="1:22" x14ac:dyDescent="0.25">
      <c r="A111" s="3" t="s">
        <v>911</v>
      </c>
      <c r="B111" s="4" t="s">
        <v>408</v>
      </c>
      <c r="C111" s="3" t="s">
        <v>409</v>
      </c>
      <c r="D111" s="5" t="s">
        <v>150</v>
      </c>
      <c r="E111" s="3" t="s">
        <v>934</v>
      </c>
      <c r="F111" s="3" t="s">
        <v>941</v>
      </c>
      <c r="G111" s="3" t="s">
        <v>140</v>
      </c>
      <c r="H111" s="3" t="s">
        <v>29</v>
      </c>
      <c r="I111" s="3" t="s">
        <v>936</v>
      </c>
      <c r="J111" s="8" t="s">
        <v>937</v>
      </c>
      <c r="K111" s="3" t="s">
        <v>32</v>
      </c>
      <c r="L111" s="3" t="s">
        <v>33</v>
      </c>
      <c r="M111" s="3" t="s">
        <v>938</v>
      </c>
      <c r="N111" s="3" t="s">
        <v>190</v>
      </c>
      <c r="O111" s="3" t="s">
        <v>158</v>
      </c>
      <c r="P111" s="3" t="s">
        <v>37</v>
      </c>
      <c r="Q111" s="3" t="s">
        <v>37</v>
      </c>
      <c r="R111" s="3" t="s">
        <v>39</v>
      </c>
      <c r="S111" s="3" t="s">
        <v>943</v>
      </c>
      <c r="T111" s="3" t="s">
        <v>37</v>
      </c>
      <c r="U111" s="3" t="s">
        <v>37</v>
      </c>
      <c r="V111" s="3" t="s">
        <v>37</v>
      </c>
    </row>
    <row r="112" spans="1:22" x14ac:dyDescent="0.25">
      <c r="A112" s="3" t="s">
        <v>911</v>
      </c>
      <c r="B112" s="4" t="s">
        <v>408</v>
      </c>
      <c r="C112" s="3" t="s">
        <v>409</v>
      </c>
      <c r="D112" s="5" t="s">
        <v>152</v>
      </c>
      <c r="E112" s="3" t="s">
        <v>929</v>
      </c>
      <c r="F112" s="3" t="s">
        <v>1249</v>
      </c>
      <c r="G112" s="3" t="s">
        <v>1152</v>
      </c>
      <c r="H112" s="3" t="s">
        <v>29</v>
      </c>
      <c r="I112" s="3" t="s">
        <v>37</v>
      </c>
      <c r="J112" s="3" t="s">
        <v>1250</v>
      </c>
      <c r="K112" s="3" t="s">
        <v>32</v>
      </c>
      <c r="L112" s="3" t="s">
        <v>33</v>
      </c>
      <c r="M112" s="3" t="s">
        <v>68</v>
      </c>
      <c r="N112" s="3" t="s">
        <v>69</v>
      </c>
      <c r="O112" s="3" t="s">
        <v>53</v>
      </c>
      <c r="P112" s="3" t="s">
        <v>37</v>
      </c>
      <c r="Q112" s="3" t="s">
        <v>37</v>
      </c>
      <c r="R112" s="3" t="s">
        <v>39</v>
      </c>
      <c r="S112" s="3" t="s">
        <v>1251</v>
      </c>
      <c r="T112" s="3" t="s">
        <v>37</v>
      </c>
      <c r="U112" s="3" t="s">
        <v>37</v>
      </c>
      <c r="V112" s="3" t="s">
        <v>37</v>
      </c>
    </row>
    <row r="113" spans="1:22" x14ac:dyDescent="0.25">
      <c r="A113" s="3" t="s">
        <v>911</v>
      </c>
      <c r="B113" s="4" t="s">
        <v>408</v>
      </c>
      <c r="C113" s="3" t="s">
        <v>409</v>
      </c>
      <c r="D113" s="5" t="s">
        <v>165</v>
      </c>
      <c r="E113" s="3" t="s">
        <v>521</v>
      </c>
      <c r="F113" s="3" t="s">
        <v>1252</v>
      </c>
      <c r="G113" s="3" t="s">
        <v>1253</v>
      </c>
      <c r="H113" s="3" t="s">
        <v>295</v>
      </c>
      <c r="I113" s="3" t="s">
        <v>37</v>
      </c>
      <c r="J113" s="3" t="s">
        <v>1254</v>
      </c>
      <c r="K113" s="3" t="s">
        <v>32</v>
      </c>
      <c r="L113" s="3" t="s">
        <v>33</v>
      </c>
      <c r="M113" s="3" t="s">
        <v>34</v>
      </c>
      <c r="N113" s="3" t="s">
        <v>190</v>
      </c>
      <c r="O113" s="3" t="s">
        <v>37</v>
      </c>
      <c r="P113" s="3" t="s">
        <v>37</v>
      </c>
      <c r="Q113" s="3" t="s">
        <v>37</v>
      </c>
      <c r="R113" s="3" t="s">
        <v>39</v>
      </c>
      <c r="S113" s="3" t="s">
        <v>1255</v>
      </c>
      <c r="T113" s="3" t="s">
        <v>37</v>
      </c>
      <c r="U113" s="3" t="s">
        <v>37</v>
      </c>
      <c r="V113" s="3" t="s">
        <v>37</v>
      </c>
    </row>
    <row r="114" spans="1:22" x14ac:dyDescent="0.25">
      <c r="A114" s="3" t="s">
        <v>911</v>
      </c>
      <c r="B114" s="4" t="s">
        <v>408</v>
      </c>
      <c r="C114" s="3" t="s">
        <v>409</v>
      </c>
      <c r="D114" s="5" t="s">
        <v>1004</v>
      </c>
      <c r="E114" s="3" t="s">
        <v>934</v>
      </c>
      <c r="F114" s="3" t="s">
        <v>1256</v>
      </c>
      <c r="G114" s="3" t="s">
        <v>81</v>
      </c>
      <c r="H114" s="3" t="s">
        <v>29</v>
      </c>
      <c r="I114" s="3" t="s">
        <v>936</v>
      </c>
      <c r="J114" s="8" t="s">
        <v>937</v>
      </c>
      <c r="K114" s="3" t="s">
        <v>32</v>
      </c>
      <c r="L114" s="3" t="s">
        <v>33</v>
      </c>
      <c r="M114" s="3" t="s">
        <v>938</v>
      </c>
      <c r="N114" s="3" t="s">
        <v>190</v>
      </c>
      <c r="O114" s="3" t="s">
        <v>158</v>
      </c>
      <c r="P114" s="3" t="s">
        <v>37</v>
      </c>
      <c r="Q114" s="3" t="s">
        <v>37</v>
      </c>
      <c r="R114" s="3" t="s">
        <v>39</v>
      </c>
      <c r="S114" s="3" t="s">
        <v>1257</v>
      </c>
      <c r="T114" s="3" t="s">
        <v>127</v>
      </c>
      <c r="U114" s="3" t="s">
        <v>37</v>
      </c>
      <c r="V114" s="3" t="s">
        <v>37</v>
      </c>
    </row>
    <row r="115" spans="1:22" x14ac:dyDescent="0.25">
      <c r="A115" s="3" t="s">
        <v>911</v>
      </c>
      <c r="B115" s="4" t="s">
        <v>408</v>
      </c>
      <c r="C115" s="3" t="s">
        <v>409</v>
      </c>
      <c r="D115" s="5" t="s">
        <v>174</v>
      </c>
      <c r="E115" s="3" t="s">
        <v>934</v>
      </c>
      <c r="F115" s="3" t="s">
        <v>1258</v>
      </c>
      <c r="G115" s="3" t="s">
        <v>247</v>
      </c>
      <c r="H115" s="3" t="s">
        <v>29</v>
      </c>
      <c r="I115" s="3" t="s">
        <v>936</v>
      </c>
      <c r="J115" s="8" t="s">
        <v>937</v>
      </c>
      <c r="K115" s="3" t="s">
        <v>32</v>
      </c>
      <c r="L115" s="3" t="s">
        <v>33</v>
      </c>
      <c r="M115" s="3" t="s">
        <v>938</v>
      </c>
      <c r="N115" s="3" t="s">
        <v>190</v>
      </c>
      <c r="O115" s="3" t="s">
        <v>158</v>
      </c>
      <c r="P115" s="3" t="s">
        <v>37</v>
      </c>
      <c r="Q115" s="3" t="s">
        <v>37</v>
      </c>
      <c r="R115" s="3" t="s">
        <v>39</v>
      </c>
      <c r="S115" s="3" t="s">
        <v>1259</v>
      </c>
      <c r="T115" s="3" t="s">
        <v>37</v>
      </c>
      <c r="U115" s="3" t="s">
        <v>37</v>
      </c>
      <c r="V115" s="3" t="s">
        <v>37</v>
      </c>
    </row>
    <row r="116" spans="1:22" x14ac:dyDescent="0.25">
      <c r="A116" s="3" t="s">
        <v>911</v>
      </c>
      <c r="B116" s="4" t="s">
        <v>408</v>
      </c>
      <c r="C116" s="3" t="s">
        <v>409</v>
      </c>
      <c r="D116" s="5" t="s">
        <v>1010</v>
      </c>
      <c r="E116" s="3" t="s">
        <v>934</v>
      </c>
      <c r="F116" s="3" t="s">
        <v>1260</v>
      </c>
      <c r="G116" s="3" t="s">
        <v>189</v>
      </c>
      <c r="H116" s="3" t="s">
        <v>29</v>
      </c>
      <c r="I116" s="3" t="s">
        <v>942</v>
      </c>
      <c r="J116" s="8" t="s">
        <v>937</v>
      </c>
      <c r="K116" s="3" t="s">
        <v>32</v>
      </c>
      <c r="L116" s="3" t="s">
        <v>33</v>
      </c>
      <c r="M116" s="3" t="s">
        <v>938</v>
      </c>
      <c r="N116" s="3" t="s">
        <v>190</v>
      </c>
      <c r="O116" s="3" t="s">
        <v>158</v>
      </c>
      <c r="P116" s="3" t="s">
        <v>37</v>
      </c>
      <c r="Q116" s="3" t="s">
        <v>37</v>
      </c>
      <c r="R116" s="3" t="s">
        <v>39</v>
      </c>
      <c r="S116" s="3" t="s">
        <v>1261</v>
      </c>
      <c r="T116" s="3" t="s">
        <v>37</v>
      </c>
      <c r="U116" s="3" t="s">
        <v>37</v>
      </c>
      <c r="V116" s="3" t="s">
        <v>37</v>
      </c>
    </row>
    <row r="117" spans="1:22" x14ac:dyDescent="0.25">
      <c r="A117" s="3" t="s">
        <v>911</v>
      </c>
      <c r="B117" s="4" t="s">
        <v>408</v>
      </c>
      <c r="C117" s="3" t="s">
        <v>409</v>
      </c>
      <c r="D117" s="5" t="s">
        <v>1014</v>
      </c>
      <c r="E117" s="3" t="s">
        <v>956</v>
      </c>
      <c r="F117" s="3" t="s">
        <v>1262</v>
      </c>
      <c r="G117" s="3" t="s">
        <v>356</v>
      </c>
      <c r="H117" s="3" t="s">
        <v>87</v>
      </c>
      <c r="I117" s="3" t="s">
        <v>37</v>
      </c>
      <c r="J117" s="3" t="s">
        <v>1263</v>
      </c>
      <c r="K117" s="3" t="s">
        <v>32</v>
      </c>
      <c r="L117" s="3" t="s">
        <v>33</v>
      </c>
      <c r="M117" s="3" t="s">
        <v>68</v>
      </c>
      <c r="N117" s="3" t="s">
        <v>190</v>
      </c>
      <c r="O117" s="3" t="s">
        <v>37</v>
      </c>
      <c r="P117" s="3" t="s">
        <v>37</v>
      </c>
      <c r="Q117" s="3" t="s">
        <v>37</v>
      </c>
      <c r="R117" s="3" t="s">
        <v>39</v>
      </c>
      <c r="S117" s="3" t="s">
        <v>1264</v>
      </c>
      <c r="T117" s="3" t="s">
        <v>127</v>
      </c>
      <c r="U117" s="3" t="s">
        <v>37</v>
      </c>
      <c r="V117" s="3" t="s">
        <v>37</v>
      </c>
    </row>
    <row r="118" spans="1:22" x14ac:dyDescent="0.25">
      <c r="A118" s="3" t="s">
        <v>911</v>
      </c>
      <c r="B118" s="4" t="s">
        <v>408</v>
      </c>
      <c r="C118" s="3" t="s">
        <v>409</v>
      </c>
      <c r="D118" s="5" t="s">
        <v>179</v>
      </c>
      <c r="E118" s="3" t="s">
        <v>956</v>
      </c>
      <c r="F118" s="3" t="s">
        <v>1262</v>
      </c>
      <c r="G118" s="3" t="s">
        <v>351</v>
      </c>
      <c r="H118" s="3" t="s">
        <v>87</v>
      </c>
      <c r="I118" s="3" t="s">
        <v>37</v>
      </c>
      <c r="J118" s="3" t="s">
        <v>1263</v>
      </c>
      <c r="K118" s="3" t="s">
        <v>32</v>
      </c>
      <c r="L118" s="3" t="s">
        <v>33</v>
      </c>
      <c r="M118" s="3" t="s">
        <v>68</v>
      </c>
      <c r="N118" s="3" t="s">
        <v>190</v>
      </c>
      <c r="O118" s="3" t="s">
        <v>37</v>
      </c>
      <c r="P118" s="3" t="s">
        <v>37</v>
      </c>
      <c r="Q118" s="3" t="s">
        <v>37</v>
      </c>
      <c r="R118" s="3" t="s">
        <v>39</v>
      </c>
      <c r="S118" s="3" t="s">
        <v>1265</v>
      </c>
      <c r="T118" s="3" t="s">
        <v>37</v>
      </c>
      <c r="U118" s="3" t="s">
        <v>37</v>
      </c>
      <c r="V118" s="3" t="s">
        <v>37</v>
      </c>
    </row>
    <row r="119" spans="1:22" x14ac:dyDescent="0.25">
      <c r="A119" s="3" t="s">
        <v>911</v>
      </c>
      <c r="B119" s="4" t="s">
        <v>408</v>
      </c>
      <c r="C119" s="3" t="s">
        <v>409</v>
      </c>
      <c r="D119" s="5" t="s">
        <v>1016</v>
      </c>
      <c r="E119" s="3" t="s">
        <v>1266</v>
      </c>
      <c r="F119" s="3" t="s">
        <v>1267</v>
      </c>
      <c r="G119" s="3" t="s">
        <v>29</v>
      </c>
      <c r="H119" s="3" t="s">
        <v>29</v>
      </c>
      <c r="I119" s="3" t="s">
        <v>37</v>
      </c>
      <c r="J119" s="3" t="s">
        <v>1268</v>
      </c>
      <c r="K119" s="3" t="s">
        <v>32</v>
      </c>
      <c r="L119" s="3" t="s">
        <v>33</v>
      </c>
      <c r="M119" s="3" t="s">
        <v>68</v>
      </c>
      <c r="N119" s="3" t="s">
        <v>190</v>
      </c>
      <c r="O119" s="3" t="s">
        <v>37</v>
      </c>
      <c r="P119" s="3" t="s">
        <v>37</v>
      </c>
      <c r="Q119" s="3" t="s">
        <v>37</v>
      </c>
      <c r="R119" s="3" t="s">
        <v>39</v>
      </c>
      <c r="S119" s="3" t="s">
        <v>1269</v>
      </c>
      <c r="T119" s="3" t="s">
        <v>127</v>
      </c>
      <c r="U119" s="3" t="s">
        <v>37</v>
      </c>
      <c r="V119" s="3" t="s">
        <v>37</v>
      </c>
    </row>
    <row r="120" spans="1:22" x14ac:dyDescent="0.25">
      <c r="A120" s="3" t="s">
        <v>911</v>
      </c>
      <c r="B120" s="4" t="s">
        <v>408</v>
      </c>
      <c r="C120" s="3" t="s">
        <v>409</v>
      </c>
      <c r="D120" s="5" t="s">
        <v>1019</v>
      </c>
      <c r="E120" s="3" t="s">
        <v>996</v>
      </c>
      <c r="F120" s="3" t="s">
        <v>1270</v>
      </c>
      <c r="G120" s="3" t="s">
        <v>171</v>
      </c>
      <c r="H120" s="3" t="s">
        <v>59</v>
      </c>
      <c r="I120" s="3" t="s">
        <v>37</v>
      </c>
      <c r="J120" s="3" t="s">
        <v>1271</v>
      </c>
      <c r="K120" s="3" t="s">
        <v>32</v>
      </c>
      <c r="L120" s="3" t="s">
        <v>33</v>
      </c>
      <c r="M120" s="3" t="s">
        <v>68</v>
      </c>
      <c r="N120" s="3" t="s">
        <v>69</v>
      </c>
      <c r="O120" s="3" t="s">
        <v>223</v>
      </c>
      <c r="P120" s="3" t="s">
        <v>37</v>
      </c>
      <c r="Q120" s="3" t="s">
        <v>37</v>
      </c>
      <c r="R120" s="3" t="s">
        <v>39</v>
      </c>
      <c r="S120" s="3" t="s">
        <v>1272</v>
      </c>
      <c r="T120" s="3" t="s">
        <v>37</v>
      </c>
      <c r="U120" s="3" t="s">
        <v>37</v>
      </c>
      <c r="V120" s="3" t="s">
        <v>37</v>
      </c>
    </row>
    <row r="121" spans="1:22" x14ac:dyDescent="0.25">
      <c r="A121" s="3" t="s">
        <v>911</v>
      </c>
      <c r="B121" s="4" t="s">
        <v>408</v>
      </c>
      <c r="C121" s="3" t="s">
        <v>409</v>
      </c>
      <c r="D121" s="5" t="s">
        <v>1273</v>
      </c>
      <c r="E121" s="3" t="s">
        <v>521</v>
      </c>
      <c r="F121" s="3" t="s">
        <v>1274</v>
      </c>
      <c r="G121" s="3" t="s">
        <v>481</v>
      </c>
      <c r="H121" s="3" t="s">
        <v>87</v>
      </c>
      <c r="I121" s="3" t="s">
        <v>523</v>
      </c>
      <c r="J121" s="3" t="s">
        <v>1275</v>
      </c>
      <c r="K121" s="3" t="s">
        <v>32</v>
      </c>
      <c r="L121" s="3" t="s">
        <v>33</v>
      </c>
      <c r="M121" s="3" t="s">
        <v>34</v>
      </c>
      <c r="N121" s="3" t="s">
        <v>190</v>
      </c>
      <c r="O121" s="3" t="s">
        <v>223</v>
      </c>
      <c r="P121" s="3" t="s">
        <v>37</v>
      </c>
      <c r="Q121" s="3" t="s">
        <v>37</v>
      </c>
      <c r="R121" s="3" t="s">
        <v>39</v>
      </c>
      <c r="S121" s="3" t="s">
        <v>1276</v>
      </c>
      <c r="T121" s="3" t="s">
        <v>37</v>
      </c>
      <c r="U121" s="3" t="s">
        <v>37</v>
      </c>
      <c r="V121" s="3" t="s">
        <v>37</v>
      </c>
    </row>
    <row r="122" spans="1:22" x14ac:dyDescent="0.25">
      <c r="A122" s="3" t="s">
        <v>911</v>
      </c>
      <c r="B122" s="4" t="s">
        <v>408</v>
      </c>
      <c r="C122" s="3" t="s">
        <v>409</v>
      </c>
      <c r="D122" s="5" t="s">
        <v>1025</v>
      </c>
      <c r="E122" s="3" t="s">
        <v>1026</v>
      </c>
      <c r="F122" s="3" t="s">
        <v>1277</v>
      </c>
      <c r="G122" s="3" t="s">
        <v>481</v>
      </c>
      <c r="H122" s="3" t="s">
        <v>87</v>
      </c>
      <c r="I122" s="3" t="s">
        <v>37</v>
      </c>
      <c r="J122" s="3" t="s">
        <v>1278</v>
      </c>
      <c r="K122" s="3" t="s">
        <v>32</v>
      </c>
      <c r="L122" s="3" t="s">
        <v>33</v>
      </c>
      <c r="M122" s="3" t="s">
        <v>68</v>
      </c>
      <c r="N122" s="3" t="s">
        <v>69</v>
      </c>
      <c r="O122" s="3" t="s">
        <v>53</v>
      </c>
      <c r="P122" s="3" t="s">
        <v>37</v>
      </c>
      <c r="Q122" s="3" t="s">
        <v>37</v>
      </c>
      <c r="R122" s="3" t="s">
        <v>39</v>
      </c>
      <c r="S122" s="3" t="s">
        <v>1279</v>
      </c>
      <c r="T122" s="3" t="s">
        <v>37</v>
      </c>
      <c r="U122" s="3" t="s">
        <v>37</v>
      </c>
      <c r="V122" s="3" t="s">
        <v>37</v>
      </c>
    </row>
    <row r="123" spans="1:22" x14ac:dyDescent="0.25">
      <c r="A123" s="3" t="s">
        <v>911</v>
      </c>
      <c r="B123" s="4" t="s">
        <v>408</v>
      </c>
      <c r="C123" s="3" t="s">
        <v>409</v>
      </c>
      <c r="D123" s="5" t="s">
        <v>199</v>
      </c>
      <c r="E123" s="3" t="s">
        <v>1031</v>
      </c>
      <c r="F123" s="3" t="s">
        <v>1280</v>
      </c>
      <c r="G123" s="3" t="s">
        <v>743</v>
      </c>
      <c r="H123" s="3" t="s">
        <v>87</v>
      </c>
      <c r="I123" s="3" t="s">
        <v>1033</v>
      </c>
      <c r="J123" s="3" t="s">
        <v>1281</v>
      </c>
      <c r="K123" s="3" t="s">
        <v>32</v>
      </c>
      <c r="L123" s="3" t="s">
        <v>33</v>
      </c>
      <c r="M123" s="3" t="s">
        <v>68</v>
      </c>
      <c r="N123" s="3" t="s">
        <v>52</v>
      </c>
      <c r="O123" s="3" t="s">
        <v>36</v>
      </c>
      <c r="P123" s="3" t="s">
        <v>37</v>
      </c>
      <c r="Q123" s="3" t="s">
        <v>37</v>
      </c>
      <c r="R123" s="3" t="s">
        <v>39</v>
      </c>
      <c r="S123" s="3" t="s">
        <v>1282</v>
      </c>
      <c r="T123" s="3" t="s">
        <v>37</v>
      </c>
      <c r="U123" s="3" t="s">
        <v>37</v>
      </c>
      <c r="V123" s="3" t="s">
        <v>37</v>
      </c>
    </row>
    <row r="124" spans="1:22" x14ac:dyDescent="0.25">
      <c r="A124" s="3" t="s">
        <v>911</v>
      </c>
      <c r="B124" s="4" t="s">
        <v>408</v>
      </c>
      <c r="C124" s="3" t="s">
        <v>409</v>
      </c>
      <c r="D124" s="5" t="s">
        <v>1036</v>
      </c>
      <c r="E124" s="3" t="s">
        <v>1283</v>
      </c>
      <c r="F124" s="3" t="s">
        <v>1284</v>
      </c>
      <c r="G124" s="3" t="s">
        <v>795</v>
      </c>
      <c r="H124" s="3" t="s">
        <v>87</v>
      </c>
      <c r="I124" s="3" t="s">
        <v>1285</v>
      </c>
      <c r="J124" s="3" t="s">
        <v>1286</v>
      </c>
      <c r="K124" s="3" t="s">
        <v>32</v>
      </c>
      <c r="L124" s="3" t="s">
        <v>33</v>
      </c>
      <c r="M124" s="3" t="s">
        <v>68</v>
      </c>
      <c r="N124" s="3" t="s">
        <v>1040</v>
      </c>
      <c r="O124" s="3" t="s">
        <v>36</v>
      </c>
      <c r="P124" s="3" t="s">
        <v>37</v>
      </c>
      <c r="Q124" s="3" t="s">
        <v>37</v>
      </c>
      <c r="R124" s="3" t="s">
        <v>39</v>
      </c>
      <c r="S124" s="3" t="s">
        <v>1287</v>
      </c>
      <c r="T124" s="3" t="s">
        <v>37</v>
      </c>
      <c r="U124" s="3" t="s">
        <v>37</v>
      </c>
      <c r="V124" s="3" t="s">
        <v>37</v>
      </c>
    </row>
    <row r="125" spans="1:22" x14ac:dyDescent="0.25">
      <c r="A125" s="3" t="s">
        <v>911</v>
      </c>
      <c r="B125" s="4" t="s">
        <v>408</v>
      </c>
      <c r="C125" s="3" t="s">
        <v>409</v>
      </c>
      <c r="D125" s="5" t="s">
        <v>520</v>
      </c>
      <c r="E125" s="3" t="s">
        <v>934</v>
      </c>
      <c r="F125" s="3" t="s">
        <v>952</v>
      </c>
      <c r="G125" s="3" t="s">
        <v>66</v>
      </c>
      <c r="H125" s="3" t="s">
        <v>29</v>
      </c>
      <c r="I125" s="3" t="s">
        <v>936</v>
      </c>
      <c r="J125" s="3" t="s">
        <v>953</v>
      </c>
      <c r="K125" s="3" t="s">
        <v>32</v>
      </c>
      <c r="L125" s="3" t="s">
        <v>33</v>
      </c>
      <c r="M125" s="3" t="s">
        <v>938</v>
      </c>
      <c r="N125" s="3" t="s">
        <v>190</v>
      </c>
      <c r="O125" s="3" t="s">
        <v>158</v>
      </c>
      <c r="P125" s="3" t="s">
        <v>37</v>
      </c>
      <c r="Q125" s="3" t="s">
        <v>37</v>
      </c>
      <c r="R125" s="3" t="s">
        <v>39</v>
      </c>
      <c r="S125" s="3" t="s">
        <v>954</v>
      </c>
      <c r="T125" s="3" t="s">
        <v>37</v>
      </c>
      <c r="U125" s="3" t="s">
        <v>37</v>
      </c>
      <c r="V125" s="3" t="s">
        <v>37</v>
      </c>
    </row>
    <row r="126" spans="1:22" x14ac:dyDescent="0.25">
      <c r="A126" s="3" t="s">
        <v>911</v>
      </c>
      <c r="B126" s="4" t="s">
        <v>408</v>
      </c>
      <c r="C126" s="3" t="s">
        <v>409</v>
      </c>
      <c r="D126" s="5" t="s">
        <v>1288</v>
      </c>
      <c r="E126" s="3" t="s">
        <v>934</v>
      </c>
      <c r="F126" s="3" t="s">
        <v>1005</v>
      </c>
      <c r="G126" s="3" t="s">
        <v>227</v>
      </c>
      <c r="H126" s="3" t="s">
        <v>29</v>
      </c>
      <c r="I126" s="3" t="s">
        <v>936</v>
      </c>
      <c r="J126" s="8" t="s">
        <v>937</v>
      </c>
      <c r="K126" s="3" t="s">
        <v>32</v>
      </c>
      <c r="L126" s="3" t="s">
        <v>33</v>
      </c>
      <c r="M126" s="3" t="s">
        <v>938</v>
      </c>
      <c r="N126" s="3" t="s">
        <v>190</v>
      </c>
      <c r="O126" s="3" t="s">
        <v>158</v>
      </c>
      <c r="P126" s="3" t="s">
        <v>37</v>
      </c>
      <c r="Q126" s="3" t="s">
        <v>37</v>
      </c>
      <c r="R126" s="3" t="s">
        <v>39</v>
      </c>
      <c r="S126" s="3" t="s">
        <v>1006</v>
      </c>
      <c r="T126" s="3" t="s">
        <v>37</v>
      </c>
      <c r="U126" s="3" t="s">
        <v>37</v>
      </c>
      <c r="V126" s="3" t="s">
        <v>37</v>
      </c>
    </row>
    <row r="127" spans="1:22" x14ac:dyDescent="0.25">
      <c r="A127" s="3" t="s">
        <v>911</v>
      </c>
      <c r="B127" s="4" t="s">
        <v>408</v>
      </c>
      <c r="C127" s="3" t="s">
        <v>409</v>
      </c>
      <c r="D127" s="5" t="s">
        <v>1289</v>
      </c>
      <c r="E127" s="3" t="s">
        <v>934</v>
      </c>
      <c r="F127" s="3" t="s">
        <v>1007</v>
      </c>
      <c r="G127" s="3" t="s">
        <v>269</v>
      </c>
      <c r="H127" s="3" t="s">
        <v>29</v>
      </c>
      <c r="I127" s="3" t="s">
        <v>936</v>
      </c>
      <c r="J127" s="3" t="s">
        <v>1008</v>
      </c>
      <c r="K127" s="3" t="s">
        <v>32</v>
      </c>
      <c r="L127" s="3" t="s">
        <v>33</v>
      </c>
      <c r="M127" s="3" t="s">
        <v>938</v>
      </c>
      <c r="N127" s="3" t="s">
        <v>190</v>
      </c>
      <c r="O127" s="3" t="s">
        <v>158</v>
      </c>
      <c r="P127" s="3" t="s">
        <v>37</v>
      </c>
      <c r="Q127" s="3" t="s">
        <v>37</v>
      </c>
      <c r="R127" s="3" t="s">
        <v>39</v>
      </c>
      <c r="S127" s="3" t="s">
        <v>1009</v>
      </c>
      <c r="T127" s="3" t="s">
        <v>37</v>
      </c>
      <c r="U127" s="3" t="s">
        <v>37</v>
      </c>
      <c r="V127" s="3" t="s">
        <v>37</v>
      </c>
    </row>
    <row r="128" spans="1:22" x14ac:dyDescent="0.25">
      <c r="A128" s="3" t="s">
        <v>911</v>
      </c>
      <c r="B128" s="4" t="s">
        <v>408</v>
      </c>
      <c r="C128" s="3" t="s">
        <v>409</v>
      </c>
      <c r="D128" s="5" t="s">
        <v>1047</v>
      </c>
      <c r="E128" s="3" t="s">
        <v>956</v>
      </c>
      <c r="F128" s="3" t="s">
        <v>1262</v>
      </c>
      <c r="G128" s="3" t="s">
        <v>356</v>
      </c>
      <c r="H128" s="3" t="s">
        <v>87</v>
      </c>
      <c r="I128" s="3" t="s">
        <v>37</v>
      </c>
      <c r="J128" s="3" t="s">
        <v>1263</v>
      </c>
      <c r="K128" s="3" t="s">
        <v>32</v>
      </c>
      <c r="L128" s="3" t="s">
        <v>33</v>
      </c>
      <c r="M128" s="3" t="s">
        <v>68</v>
      </c>
      <c r="N128" s="3" t="s">
        <v>190</v>
      </c>
      <c r="O128" s="3" t="s">
        <v>37</v>
      </c>
      <c r="P128" s="3" t="s">
        <v>37</v>
      </c>
      <c r="Q128" s="3" t="s">
        <v>37</v>
      </c>
      <c r="R128" s="3" t="s">
        <v>39</v>
      </c>
      <c r="S128" s="3" t="s">
        <v>1264</v>
      </c>
      <c r="T128" s="3" t="s">
        <v>37</v>
      </c>
      <c r="U128" s="3" t="s">
        <v>37</v>
      </c>
      <c r="V128" s="3" t="s">
        <v>37</v>
      </c>
    </row>
    <row r="129" spans="1:22" x14ac:dyDescent="0.25">
      <c r="A129" s="3" t="s">
        <v>911</v>
      </c>
      <c r="B129" s="4" t="s">
        <v>408</v>
      </c>
      <c r="C129" s="3" t="s">
        <v>409</v>
      </c>
      <c r="D129" s="5" t="s">
        <v>1290</v>
      </c>
      <c r="E129" s="3" t="s">
        <v>956</v>
      </c>
      <c r="F129" s="3" t="s">
        <v>1262</v>
      </c>
      <c r="G129" s="3" t="s">
        <v>351</v>
      </c>
      <c r="H129" s="3" t="s">
        <v>87</v>
      </c>
      <c r="I129" s="3" t="s">
        <v>37</v>
      </c>
      <c r="J129" s="3" t="s">
        <v>1263</v>
      </c>
      <c r="K129" s="3" t="s">
        <v>32</v>
      </c>
      <c r="L129" s="3" t="s">
        <v>33</v>
      </c>
      <c r="M129" s="3" t="s">
        <v>68</v>
      </c>
      <c r="N129" s="3" t="s">
        <v>190</v>
      </c>
      <c r="O129" s="3" t="s">
        <v>37</v>
      </c>
      <c r="P129" s="3" t="s">
        <v>37</v>
      </c>
      <c r="Q129" s="3" t="s">
        <v>37</v>
      </c>
      <c r="R129" s="3" t="s">
        <v>39</v>
      </c>
      <c r="S129" s="3" t="s">
        <v>1265</v>
      </c>
      <c r="T129" s="3" t="s">
        <v>37</v>
      </c>
      <c r="U129" s="3" t="s">
        <v>37</v>
      </c>
      <c r="V129" s="3" t="s">
        <v>37</v>
      </c>
    </row>
    <row r="130" spans="1:22" x14ac:dyDescent="0.25">
      <c r="A130" s="3" t="s">
        <v>911</v>
      </c>
      <c r="B130" s="4" t="s">
        <v>408</v>
      </c>
      <c r="C130" s="3" t="s">
        <v>409</v>
      </c>
      <c r="D130" s="5" t="s">
        <v>219</v>
      </c>
      <c r="E130" s="3" t="s">
        <v>1266</v>
      </c>
      <c r="F130" s="3" t="s">
        <v>1267</v>
      </c>
      <c r="G130" s="3" t="s">
        <v>29</v>
      </c>
      <c r="H130" s="3" t="s">
        <v>29</v>
      </c>
      <c r="I130" s="3" t="s">
        <v>37</v>
      </c>
      <c r="J130" s="3" t="s">
        <v>1268</v>
      </c>
      <c r="K130" s="3" t="s">
        <v>32</v>
      </c>
      <c r="L130" s="3" t="s">
        <v>33</v>
      </c>
      <c r="M130" s="3" t="s">
        <v>68</v>
      </c>
      <c r="N130" s="3" t="s">
        <v>190</v>
      </c>
      <c r="O130" s="3" t="s">
        <v>37</v>
      </c>
      <c r="P130" s="3" t="s">
        <v>37</v>
      </c>
      <c r="Q130" s="3" t="s">
        <v>37</v>
      </c>
      <c r="R130" s="3" t="s">
        <v>39</v>
      </c>
      <c r="S130" s="3" t="s">
        <v>1269</v>
      </c>
      <c r="T130" s="3" t="s">
        <v>37</v>
      </c>
      <c r="U130" s="3" t="s">
        <v>37</v>
      </c>
      <c r="V130" s="3" t="s">
        <v>37</v>
      </c>
    </row>
    <row r="131" spans="1:22" x14ac:dyDescent="0.25">
      <c r="A131" s="3" t="s">
        <v>911</v>
      </c>
      <c r="B131" s="4" t="s">
        <v>408</v>
      </c>
      <c r="C131" s="3" t="s">
        <v>409</v>
      </c>
      <c r="D131" s="5" t="s">
        <v>390</v>
      </c>
      <c r="E131" s="3" t="s">
        <v>996</v>
      </c>
      <c r="F131" s="3" t="s">
        <v>1270</v>
      </c>
      <c r="G131" s="3" t="s">
        <v>171</v>
      </c>
      <c r="H131" s="3" t="s">
        <v>59</v>
      </c>
      <c r="I131" s="3" t="s">
        <v>37</v>
      </c>
      <c r="J131" s="3" t="s">
        <v>1271</v>
      </c>
      <c r="K131" s="3" t="s">
        <v>32</v>
      </c>
      <c r="L131" s="3" t="s">
        <v>33</v>
      </c>
      <c r="M131" s="3" t="s">
        <v>68</v>
      </c>
      <c r="N131" s="3" t="s">
        <v>69</v>
      </c>
      <c r="O131" s="3" t="s">
        <v>223</v>
      </c>
      <c r="P131" s="3" t="s">
        <v>37</v>
      </c>
      <c r="Q131" s="3" t="s">
        <v>37</v>
      </c>
      <c r="R131" s="3" t="s">
        <v>39</v>
      </c>
      <c r="S131" s="3" t="s">
        <v>1272</v>
      </c>
      <c r="T131" s="3" t="s">
        <v>37</v>
      </c>
      <c r="U131" s="3" t="s">
        <v>37</v>
      </c>
      <c r="V131" s="3" t="s">
        <v>37</v>
      </c>
    </row>
    <row r="132" spans="1:22" x14ac:dyDescent="0.25">
      <c r="A132" s="3" t="s">
        <v>911</v>
      </c>
      <c r="B132" s="4" t="s">
        <v>408</v>
      </c>
      <c r="C132" s="3" t="s">
        <v>409</v>
      </c>
      <c r="D132" s="5" t="s">
        <v>230</v>
      </c>
      <c r="E132" s="3" t="s">
        <v>521</v>
      </c>
      <c r="F132" s="3" t="s">
        <v>1274</v>
      </c>
      <c r="G132" s="3" t="s">
        <v>481</v>
      </c>
      <c r="H132" s="3" t="s">
        <v>87</v>
      </c>
      <c r="I132" s="3" t="s">
        <v>523</v>
      </c>
      <c r="J132" s="3" t="s">
        <v>1275</v>
      </c>
      <c r="K132" s="3" t="s">
        <v>32</v>
      </c>
      <c r="L132" s="3" t="s">
        <v>33</v>
      </c>
      <c r="M132" s="3" t="s">
        <v>34</v>
      </c>
      <c r="N132" s="3" t="s">
        <v>190</v>
      </c>
      <c r="O132" s="3" t="s">
        <v>223</v>
      </c>
      <c r="P132" s="3" t="s">
        <v>37</v>
      </c>
      <c r="Q132" s="3" t="s">
        <v>37</v>
      </c>
      <c r="R132" s="3" t="s">
        <v>39</v>
      </c>
      <c r="S132" s="3" t="s">
        <v>1276</v>
      </c>
      <c r="T132" s="3" t="s">
        <v>37</v>
      </c>
      <c r="U132" s="3" t="s">
        <v>37</v>
      </c>
      <c r="V132" s="3" t="s">
        <v>37</v>
      </c>
    </row>
    <row r="133" spans="1:22" x14ac:dyDescent="0.25">
      <c r="A133" s="3" t="s">
        <v>911</v>
      </c>
      <c r="B133" s="4" t="s">
        <v>408</v>
      </c>
      <c r="C133" s="3" t="s">
        <v>409</v>
      </c>
      <c r="D133" s="5" t="s">
        <v>1057</v>
      </c>
      <c r="E133" s="3" t="s">
        <v>1026</v>
      </c>
      <c r="F133" s="3" t="s">
        <v>1277</v>
      </c>
      <c r="G133" s="3" t="s">
        <v>481</v>
      </c>
      <c r="H133" s="3" t="s">
        <v>87</v>
      </c>
      <c r="I133" s="3" t="s">
        <v>37</v>
      </c>
      <c r="J133" s="3" t="s">
        <v>1278</v>
      </c>
      <c r="K133" s="3" t="s">
        <v>32</v>
      </c>
      <c r="L133" s="3" t="s">
        <v>33</v>
      </c>
      <c r="M133" s="3" t="s">
        <v>68</v>
      </c>
      <c r="N133" s="3" t="s">
        <v>69</v>
      </c>
      <c r="O133" s="3" t="s">
        <v>53</v>
      </c>
      <c r="P133" s="3" t="s">
        <v>37</v>
      </c>
      <c r="Q133" s="3" t="s">
        <v>37</v>
      </c>
      <c r="R133" s="3" t="s">
        <v>39</v>
      </c>
      <c r="S133" s="3" t="s">
        <v>1279</v>
      </c>
      <c r="T133" s="3" t="s">
        <v>37</v>
      </c>
      <c r="U133" s="3" t="s">
        <v>37</v>
      </c>
      <c r="V133" s="3" t="s">
        <v>37</v>
      </c>
    </row>
    <row r="134" spans="1:22" x14ac:dyDescent="0.25">
      <c r="A134" s="3" t="s">
        <v>911</v>
      </c>
      <c r="B134" s="4" t="s">
        <v>408</v>
      </c>
      <c r="C134" s="3" t="s">
        <v>409</v>
      </c>
      <c r="D134" s="5" t="s">
        <v>239</v>
      </c>
      <c r="E134" s="3" t="s">
        <v>1031</v>
      </c>
      <c r="F134" s="3" t="s">
        <v>1280</v>
      </c>
      <c r="G134" s="3" t="s">
        <v>743</v>
      </c>
      <c r="H134" s="3" t="s">
        <v>87</v>
      </c>
      <c r="I134" s="3" t="s">
        <v>1033</v>
      </c>
      <c r="J134" s="3" t="s">
        <v>1281</v>
      </c>
      <c r="K134" s="3" t="s">
        <v>32</v>
      </c>
      <c r="L134" s="3" t="s">
        <v>33</v>
      </c>
      <c r="M134" s="3" t="s">
        <v>68</v>
      </c>
      <c r="N134" s="3" t="s">
        <v>52</v>
      </c>
      <c r="O134" s="3" t="s">
        <v>36</v>
      </c>
      <c r="P134" s="3" t="s">
        <v>37</v>
      </c>
      <c r="Q134" s="3" t="s">
        <v>37</v>
      </c>
      <c r="R134" s="3" t="s">
        <v>39</v>
      </c>
      <c r="S134" s="3" t="s">
        <v>1282</v>
      </c>
      <c r="T134" s="3" t="s">
        <v>37</v>
      </c>
      <c r="U134" s="3" t="s">
        <v>37</v>
      </c>
      <c r="V134" s="3" t="s">
        <v>37</v>
      </c>
    </row>
    <row r="135" spans="1:22" x14ac:dyDescent="0.25">
      <c r="A135" s="3" t="s">
        <v>911</v>
      </c>
      <c r="B135" s="4" t="s">
        <v>408</v>
      </c>
      <c r="C135" s="3" t="s">
        <v>409</v>
      </c>
      <c r="D135" s="5" t="s">
        <v>1064</v>
      </c>
      <c r="E135" s="3" t="s">
        <v>923</v>
      </c>
      <c r="F135" s="3" t="s">
        <v>1058</v>
      </c>
      <c r="G135" s="3" t="s">
        <v>29</v>
      </c>
      <c r="H135" s="3" t="s">
        <v>29</v>
      </c>
      <c r="I135" s="3" t="s">
        <v>925</v>
      </c>
      <c r="J135" s="3" t="s">
        <v>1059</v>
      </c>
      <c r="K135" s="3" t="s">
        <v>32</v>
      </c>
      <c r="L135" s="3" t="s">
        <v>33</v>
      </c>
      <c r="M135" s="3" t="s">
        <v>34</v>
      </c>
      <c r="N135" s="3" t="s">
        <v>69</v>
      </c>
      <c r="O135" s="3" t="s">
        <v>53</v>
      </c>
      <c r="P135" s="3" t="s">
        <v>37</v>
      </c>
      <c r="Q135" s="3" t="s">
        <v>37</v>
      </c>
      <c r="R135" s="3" t="s">
        <v>39</v>
      </c>
      <c r="S135" s="3" t="s">
        <v>1060</v>
      </c>
      <c r="T135" s="3" t="s">
        <v>37</v>
      </c>
      <c r="U135" s="3" t="s">
        <v>37</v>
      </c>
      <c r="V135" s="3" t="s">
        <v>37</v>
      </c>
    </row>
    <row r="136" spans="1:22" x14ac:dyDescent="0.25">
      <c r="A136" s="3"/>
      <c r="B136" s="4"/>
      <c r="C136" s="3"/>
      <c r="D136" s="5"/>
      <c r="E136" s="6" t="s">
        <v>1065</v>
      </c>
      <c r="F136" s="3"/>
      <c r="G136" s="3"/>
      <c r="H136" s="3"/>
      <c r="I136" s="3"/>
      <c r="J136" s="3"/>
      <c r="K136" s="3"/>
      <c r="L136" s="3"/>
      <c r="M136" s="3"/>
      <c r="N136" s="3"/>
      <c r="O136" s="3"/>
      <c r="P136" s="3"/>
      <c r="Q136" s="3"/>
      <c r="R136" s="3"/>
      <c r="S136" s="3"/>
      <c r="T136" s="3"/>
      <c r="U136" s="3"/>
      <c r="V136" s="3"/>
    </row>
    <row r="137" spans="1:22" x14ac:dyDescent="0.25">
      <c r="A137" s="3"/>
      <c r="B137" s="4"/>
      <c r="C137" s="3"/>
      <c r="D137" s="5"/>
      <c r="E137" s="3"/>
      <c r="F137" s="3"/>
      <c r="G137" s="3"/>
      <c r="H137" s="3"/>
      <c r="I137" s="3"/>
      <c r="J137" s="3"/>
      <c r="K137" s="3"/>
      <c r="L137" s="3"/>
      <c r="M137" s="3"/>
      <c r="N137" s="3"/>
      <c r="O137" s="3"/>
      <c r="P137" s="3"/>
      <c r="Q137" s="3"/>
      <c r="R137" s="3"/>
      <c r="S137" s="3"/>
      <c r="T137" s="3"/>
      <c r="U137" s="3"/>
      <c r="V137" s="3"/>
    </row>
    <row r="138" spans="1:22" x14ac:dyDescent="0.25">
      <c r="A138" s="3" t="s">
        <v>911</v>
      </c>
      <c r="B138" s="4" t="s">
        <v>553</v>
      </c>
      <c r="C138" s="3" t="s">
        <v>554</v>
      </c>
      <c r="D138" s="5" t="s">
        <v>25</v>
      </c>
      <c r="E138" s="3" t="s">
        <v>912</v>
      </c>
      <c r="F138" s="3" t="s">
        <v>1291</v>
      </c>
      <c r="G138" s="3" t="s">
        <v>1152</v>
      </c>
      <c r="H138" s="3" t="s">
        <v>29</v>
      </c>
      <c r="I138" s="3" t="s">
        <v>920</v>
      </c>
      <c r="J138" s="3" t="s">
        <v>1292</v>
      </c>
      <c r="K138" s="3" t="s">
        <v>32</v>
      </c>
      <c r="L138" s="3" t="s">
        <v>33</v>
      </c>
      <c r="M138" s="3" t="s">
        <v>68</v>
      </c>
      <c r="N138" s="3" t="s">
        <v>916</v>
      </c>
      <c r="O138" s="3" t="s">
        <v>223</v>
      </c>
      <c r="P138" s="3" t="s">
        <v>37</v>
      </c>
      <c r="Q138" s="3" t="s">
        <v>37</v>
      </c>
      <c r="R138" s="3" t="s">
        <v>39</v>
      </c>
      <c r="S138" s="3" t="s">
        <v>1293</v>
      </c>
      <c r="T138" s="3" t="s">
        <v>37</v>
      </c>
      <c r="U138" s="3" t="s">
        <v>37</v>
      </c>
      <c r="V138" s="3" t="s">
        <v>37</v>
      </c>
    </row>
    <row r="139" spans="1:22" x14ac:dyDescent="0.25">
      <c r="A139" s="3" t="s">
        <v>911</v>
      </c>
      <c r="B139" s="4" t="s">
        <v>553</v>
      </c>
      <c r="C139" s="3" t="s">
        <v>554</v>
      </c>
      <c r="D139" s="5" t="s">
        <v>918</v>
      </c>
      <c r="E139" s="3" t="s">
        <v>912</v>
      </c>
      <c r="F139" s="3" t="s">
        <v>1294</v>
      </c>
      <c r="G139" s="3" t="s">
        <v>151</v>
      </c>
      <c r="H139" s="3" t="s">
        <v>29</v>
      </c>
      <c r="I139" s="3" t="s">
        <v>920</v>
      </c>
      <c r="J139" s="3" t="s">
        <v>1295</v>
      </c>
      <c r="K139" s="3" t="s">
        <v>32</v>
      </c>
      <c r="L139" s="3" t="s">
        <v>33</v>
      </c>
      <c r="M139" s="3" t="s">
        <v>68</v>
      </c>
      <c r="N139" s="3" t="s">
        <v>916</v>
      </c>
      <c r="O139" s="3" t="s">
        <v>223</v>
      </c>
      <c r="P139" s="3" t="s">
        <v>37</v>
      </c>
      <c r="Q139" s="3" t="s">
        <v>37</v>
      </c>
      <c r="R139" s="3" t="s">
        <v>39</v>
      </c>
      <c r="S139" s="3" t="s">
        <v>1296</v>
      </c>
      <c r="T139" s="3" t="s">
        <v>37</v>
      </c>
      <c r="U139" s="3" t="s">
        <v>37</v>
      </c>
      <c r="V139" s="3" t="s">
        <v>37</v>
      </c>
    </row>
    <row r="140" spans="1:22" x14ac:dyDescent="0.25">
      <c r="A140" s="3" t="s">
        <v>911</v>
      </c>
      <c r="B140" s="4" t="s">
        <v>553</v>
      </c>
      <c r="C140" s="3" t="s">
        <v>554</v>
      </c>
      <c r="D140" s="5" t="s">
        <v>46</v>
      </c>
      <c r="E140" s="3" t="s">
        <v>934</v>
      </c>
      <c r="F140" s="3" t="s">
        <v>1256</v>
      </c>
      <c r="G140" s="3" t="s">
        <v>81</v>
      </c>
      <c r="H140" s="3" t="s">
        <v>29</v>
      </c>
      <c r="I140" s="3" t="s">
        <v>936</v>
      </c>
      <c r="J140" s="8" t="s">
        <v>937</v>
      </c>
      <c r="K140" s="3" t="s">
        <v>32</v>
      </c>
      <c r="L140" s="3" t="s">
        <v>33</v>
      </c>
      <c r="M140" s="3" t="s">
        <v>938</v>
      </c>
      <c r="N140" s="3" t="s">
        <v>190</v>
      </c>
      <c r="O140" s="3" t="s">
        <v>158</v>
      </c>
      <c r="P140" s="3" t="s">
        <v>37</v>
      </c>
      <c r="Q140" s="3" t="s">
        <v>37</v>
      </c>
      <c r="R140" s="3" t="s">
        <v>39</v>
      </c>
      <c r="S140" s="3" t="s">
        <v>1257</v>
      </c>
      <c r="T140" s="3" t="s">
        <v>37</v>
      </c>
      <c r="U140" s="3" t="s">
        <v>37</v>
      </c>
      <c r="V140" s="3" t="s">
        <v>37</v>
      </c>
    </row>
    <row r="141" spans="1:22" x14ac:dyDescent="0.25">
      <c r="A141" s="3" t="s">
        <v>911</v>
      </c>
      <c r="B141" s="4" t="s">
        <v>553</v>
      </c>
      <c r="C141" s="3" t="s">
        <v>554</v>
      </c>
      <c r="D141" s="5" t="s">
        <v>1179</v>
      </c>
      <c r="E141" s="3" t="s">
        <v>934</v>
      </c>
      <c r="F141" s="3" t="s">
        <v>1075</v>
      </c>
      <c r="G141" s="3" t="s">
        <v>43</v>
      </c>
      <c r="H141" s="3" t="s">
        <v>29</v>
      </c>
      <c r="I141" s="3" t="s">
        <v>936</v>
      </c>
      <c r="J141" s="8" t="s">
        <v>937</v>
      </c>
      <c r="K141" s="3" t="s">
        <v>32</v>
      </c>
      <c r="L141" s="3" t="s">
        <v>33</v>
      </c>
      <c r="M141" s="3" t="s">
        <v>938</v>
      </c>
      <c r="N141" s="3" t="s">
        <v>190</v>
      </c>
      <c r="O141" s="3" t="s">
        <v>158</v>
      </c>
      <c r="P141" s="3" t="s">
        <v>37</v>
      </c>
      <c r="Q141" s="3" t="s">
        <v>37</v>
      </c>
      <c r="R141" s="3" t="s">
        <v>39</v>
      </c>
      <c r="S141" s="3" t="s">
        <v>1076</v>
      </c>
      <c r="T141" s="3" t="s">
        <v>37</v>
      </c>
      <c r="U141" s="3" t="s">
        <v>37</v>
      </c>
      <c r="V141" s="3" t="s">
        <v>37</v>
      </c>
    </row>
    <row r="142" spans="1:22" x14ac:dyDescent="0.25">
      <c r="A142" s="3" t="s">
        <v>911</v>
      </c>
      <c r="B142" s="4" t="s">
        <v>553</v>
      </c>
      <c r="C142" s="3" t="s">
        <v>554</v>
      </c>
      <c r="D142" s="5" t="s">
        <v>1182</v>
      </c>
      <c r="E142" s="3" t="s">
        <v>934</v>
      </c>
      <c r="F142" s="3" t="s">
        <v>1077</v>
      </c>
      <c r="G142" s="3" t="s">
        <v>414</v>
      </c>
      <c r="H142" s="3" t="s">
        <v>29</v>
      </c>
      <c r="I142" s="3" t="s">
        <v>942</v>
      </c>
      <c r="J142" s="3" t="s">
        <v>1078</v>
      </c>
      <c r="K142" s="3" t="s">
        <v>32</v>
      </c>
      <c r="L142" s="3" t="s">
        <v>33</v>
      </c>
      <c r="M142" s="3" t="s">
        <v>938</v>
      </c>
      <c r="N142" s="3" t="s">
        <v>190</v>
      </c>
      <c r="O142" s="3" t="s">
        <v>158</v>
      </c>
      <c r="P142" s="3" t="s">
        <v>37</v>
      </c>
      <c r="Q142" s="3" t="s">
        <v>37</v>
      </c>
      <c r="R142" s="3" t="s">
        <v>39</v>
      </c>
      <c r="S142" s="3" t="s">
        <v>1079</v>
      </c>
      <c r="T142" s="3" t="s">
        <v>37</v>
      </c>
      <c r="U142" s="3" t="s">
        <v>37</v>
      </c>
      <c r="V142" s="3" t="s">
        <v>37</v>
      </c>
    </row>
    <row r="143" spans="1:22" x14ac:dyDescent="0.25">
      <c r="A143" s="3" t="s">
        <v>911</v>
      </c>
      <c r="B143" s="4" t="s">
        <v>553</v>
      </c>
      <c r="C143" s="3" t="s">
        <v>554</v>
      </c>
      <c r="D143" s="5" t="s">
        <v>928</v>
      </c>
      <c r="E143" s="3" t="s">
        <v>934</v>
      </c>
      <c r="F143" s="3" t="s">
        <v>1080</v>
      </c>
      <c r="G143" s="3" t="s">
        <v>201</v>
      </c>
      <c r="H143" s="3" t="s">
        <v>29</v>
      </c>
      <c r="I143" s="3" t="s">
        <v>936</v>
      </c>
      <c r="J143" s="3" t="s">
        <v>1081</v>
      </c>
      <c r="K143" s="3" t="s">
        <v>32</v>
      </c>
      <c r="L143" s="3" t="s">
        <v>33</v>
      </c>
      <c r="M143" s="3" t="s">
        <v>938</v>
      </c>
      <c r="N143" s="3" t="s">
        <v>190</v>
      </c>
      <c r="O143" s="3" t="s">
        <v>158</v>
      </c>
      <c r="P143" s="3" t="s">
        <v>37</v>
      </c>
      <c r="Q143" s="3" t="s">
        <v>37</v>
      </c>
      <c r="R143" s="3" t="s">
        <v>39</v>
      </c>
      <c r="S143" s="3" t="s">
        <v>1082</v>
      </c>
      <c r="T143" s="3" t="s">
        <v>37</v>
      </c>
      <c r="U143" s="3" t="s">
        <v>37</v>
      </c>
      <c r="V143" s="3" t="s">
        <v>37</v>
      </c>
    </row>
    <row r="144" spans="1:22" x14ac:dyDescent="0.25">
      <c r="A144" s="3" t="s">
        <v>911</v>
      </c>
      <c r="B144" s="4" t="s">
        <v>553</v>
      </c>
      <c r="C144" s="3" t="s">
        <v>554</v>
      </c>
      <c r="D144" s="5" t="s">
        <v>1187</v>
      </c>
      <c r="E144" s="3" t="s">
        <v>934</v>
      </c>
      <c r="F144" s="3" t="s">
        <v>1083</v>
      </c>
      <c r="G144" s="3" t="s">
        <v>211</v>
      </c>
      <c r="H144" s="3" t="s">
        <v>29</v>
      </c>
      <c r="I144" s="3" t="s">
        <v>942</v>
      </c>
      <c r="J144" s="8" t="s">
        <v>937</v>
      </c>
      <c r="K144" s="3" t="s">
        <v>32</v>
      </c>
      <c r="L144" s="3" t="s">
        <v>33</v>
      </c>
      <c r="M144" s="3" t="s">
        <v>938</v>
      </c>
      <c r="N144" s="3" t="s">
        <v>190</v>
      </c>
      <c r="O144" s="3" t="s">
        <v>158</v>
      </c>
      <c r="P144" s="3" t="s">
        <v>37</v>
      </c>
      <c r="Q144" s="3" t="s">
        <v>37</v>
      </c>
      <c r="R144" s="3" t="s">
        <v>39</v>
      </c>
      <c r="S144" s="3" t="s">
        <v>1084</v>
      </c>
      <c r="T144" s="3" t="s">
        <v>37</v>
      </c>
      <c r="U144" s="3" t="s">
        <v>37</v>
      </c>
      <c r="V144" s="3" t="s">
        <v>37</v>
      </c>
    </row>
    <row r="145" spans="1:22" x14ac:dyDescent="0.25">
      <c r="A145" s="3" t="s">
        <v>911</v>
      </c>
      <c r="B145" s="4" t="s">
        <v>553</v>
      </c>
      <c r="C145" s="3" t="s">
        <v>554</v>
      </c>
      <c r="D145" s="5" t="s">
        <v>663</v>
      </c>
      <c r="E145" s="3" t="s">
        <v>934</v>
      </c>
      <c r="F145" s="3" t="s">
        <v>1085</v>
      </c>
      <c r="G145" s="3" t="s">
        <v>367</v>
      </c>
      <c r="H145" s="3" t="s">
        <v>29</v>
      </c>
      <c r="I145" s="3" t="s">
        <v>936</v>
      </c>
      <c r="J145" s="8" t="s">
        <v>937</v>
      </c>
      <c r="K145" s="3" t="s">
        <v>32</v>
      </c>
      <c r="L145" s="3" t="s">
        <v>33</v>
      </c>
      <c r="M145" s="3" t="s">
        <v>938</v>
      </c>
      <c r="N145" s="3" t="s">
        <v>190</v>
      </c>
      <c r="O145" s="3" t="s">
        <v>158</v>
      </c>
      <c r="P145" s="3" t="s">
        <v>37</v>
      </c>
      <c r="Q145" s="3" t="s">
        <v>37</v>
      </c>
      <c r="R145" s="3" t="s">
        <v>39</v>
      </c>
      <c r="S145" s="3" t="s">
        <v>1086</v>
      </c>
      <c r="T145" s="3" t="s">
        <v>37</v>
      </c>
      <c r="U145" s="3" t="s">
        <v>37</v>
      </c>
      <c r="V145" s="3" t="s">
        <v>37</v>
      </c>
    </row>
    <row r="146" spans="1:22" x14ac:dyDescent="0.25">
      <c r="A146" s="3" t="s">
        <v>911</v>
      </c>
      <c r="B146" s="4" t="s">
        <v>553</v>
      </c>
      <c r="C146" s="3" t="s">
        <v>554</v>
      </c>
      <c r="D146" s="5" t="s">
        <v>933</v>
      </c>
      <c r="E146" s="3" t="s">
        <v>521</v>
      </c>
      <c r="F146" s="3" t="s">
        <v>1297</v>
      </c>
      <c r="G146" s="3" t="s">
        <v>201</v>
      </c>
      <c r="H146" s="3" t="s">
        <v>29</v>
      </c>
      <c r="I146" s="3" t="s">
        <v>1220</v>
      </c>
      <c r="J146" s="3" t="s">
        <v>1298</v>
      </c>
      <c r="K146" s="3" t="s">
        <v>32</v>
      </c>
      <c r="L146" s="3" t="s">
        <v>1045</v>
      </c>
      <c r="M146" s="3" t="s">
        <v>34</v>
      </c>
      <c r="N146" s="3" t="s">
        <v>52</v>
      </c>
      <c r="O146" s="3" t="s">
        <v>223</v>
      </c>
      <c r="P146" s="3" t="s">
        <v>37</v>
      </c>
      <c r="Q146" s="3" t="s">
        <v>37</v>
      </c>
      <c r="R146" s="3" t="s">
        <v>39</v>
      </c>
      <c r="S146" s="3" t="s">
        <v>1299</v>
      </c>
      <c r="T146" s="3" t="s">
        <v>37</v>
      </c>
      <c r="U146" s="3" t="s">
        <v>37</v>
      </c>
      <c r="V146" s="3" t="s">
        <v>37</v>
      </c>
    </row>
    <row r="147" spans="1:22" x14ac:dyDescent="0.25">
      <c r="A147" s="3" t="s">
        <v>911</v>
      </c>
      <c r="B147" s="4" t="s">
        <v>553</v>
      </c>
      <c r="C147" s="3" t="s">
        <v>554</v>
      </c>
      <c r="D147" s="5" t="s">
        <v>946</v>
      </c>
      <c r="E147" s="3" t="s">
        <v>521</v>
      </c>
      <c r="F147" s="3" t="s">
        <v>1300</v>
      </c>
      <c r="G147" s="3" t="s">
        <v>592</v>
      </c>
      <c r="H147" s="3" t="s">
        <v>59</v>
      </c>
      <c r="I147" s="3" t="s">
        <v>523</v>
      </c>
      <c r="J147" s="3" t="s">
        <v>1301</v>
      </c>
      <c r="K147" s="3" t="s">
        <v>32</v>
      </c>
      <c r="L147" s="3" t="s">
        <v>33</v>
      </c>
      <c r="M147" s="3" t="s">
        <v>34</v>
      </c>
      <c r="N147" s="3" t="s">
        <v>77</v>
      </c>
      <c r="O147" s="3" t="s">
        <v>223</v>
      </c>
      <c r="P147" s="3" t="s">
        <v>37</v>
      </c>
      <c r="Q147" s="3" t="s">
        <v>37</v>
      </c>
      <c r="R147" s="3" t="s">
        <v>39</v>
      </c>
      <c r="S147" s="3" t="s">
        <v>1302</v>
      </c>
      <c r="T147" s="3" t="s">
        <v>37</v>
      </c>
      <c r="U147" s="3" t="s">
        <v>37</v>
      </c>
      <c r="V147" s="3" t="s">
        <v>37</v>
      </c>
    </row>
    <row r="148" spans="1:22" x14ac:dyDescent="0.25">
      <c r="A148" s="3" t="s">
        <v>911</v>
      </c>
      <c r="B148" s="4" t="s">
        <v>553</v>
      </c>
      <c r="C148" s="3" t="s">
        <v>554</v>
      </c>
      <c r="D148" s="5" t="s">
        <v>955</v>
      </c>
      <c r="E148" s="3" t="s">
        <v>929</v>
      </c>
      <c r="F148" s="3" t="s">
        <v>1303</v>
      </c>
      <c r="G148" s="3" t="s">
        <v>563</v>
      </c>
      <c r="H148" s="3" t="s">
        <v>29</v>
      </c>
      <c r="I148" s="3" t="s">
        <v>37</v>
      </c>
      <c r="J148" s="3" t="s">
        <v>1304</v>
      </c>
      <c r="K148" s="3" t="s">
        <v>32</v>
      </c>
      <c r="L148" s="3" t="s">
        <v>33</v>
      </c>
      <c r="M148" s="3" t="s">
        <v>68</v>
      </c>
      <c r="N148" s="3" t="s">
        <v>69</v>
      </c>
      <c r="O148" s="3" t="s">
        <v>53</v>
      </c>
      <c r="P148" s="3" t="s">
        <v>37</v>
      </c>
      <c r="Q148" s="3" t="s">
        <v>37</v>
      </c>
      <c r="R148" s="3" t="s">
        <v>39</v>
      </c>
      <c r="S148" s="3" t="s">
        <v>1305</v>
      </c>
      <c r="T148" s="3" t="s">
        <v>37</v>
      </c>
      <c r="U148" s="3" t="s">
        <v>37</v>
      </c>
      <c r="V148" s="3" t="s">
        <v>37</v>
      </c>
    </row>
    <row r="149" spans="1:22" x14ac:dyDescent="0.25">
      <c r="A149" s="3" t="s">
        <v>911</v>
      </c>
      <c r="B149" s="4" t="s">
        <v>553</v>
      </c>
      <c r="C149" s="3" t="s">
        <v>554</v>
      </c>
      <c r="D149" s="5" t="s">
        <v>960</v>
      </c>
      <c r="E149" s="3" t="s">
        <v>929</v>
      </c>
      <c r="F149" s="3" t="s">
        <v>1306</v>
      </c>
      <c r="G149" s="3" t="s">
        <v>328</v>
      </c>
      <c r="H149" s="3" t="s">
        <v>29</v>
      </c>
      <c r="I149" s="3" t="s">
        <v>37</v>
      </c>
      <c r="J149" s="3" t="s">
        <v>1307</v>
      </c>
      <c r="K149" s="3" t="s">
        <v>32</v>
      </c>
      <c r="L149" s="3" t="s">
        <v>33</v>
      </c>
      <c r="M149" s="3" t="s">
        <v>68</v>
      </c>
      <c r="N149" s="3" t="s">
        <v>69</v>
      </c>
      <c r="O149" s="3" t="s">
        <v>53</v>
      </c>
      <c r="P149" s="3" t="s">
        <v>37</v>
      </c>
      <c r="Q149" s="3" t="s">
        <v>37</v>
      </c>
      <c r="R149" s="3" t="s">
        <v>39</v>
      </c>
      <c r="S149" s="3" t="s">
        <v>1308</v>
      </c>
      <c r="T149" s="3" t="s">
        <v>37</v>
      </c>
      <c r="U149" s="3" t="s">
        <v>37</v>
      </c>
      <c r="V149" s="3" t="s">
        <v>37</v>
      </c>
    </row>
    <row r="150" spans="1:22" x14ac:dyDescent="0.25">
      <c r="A150" s="3" t="s">
        <v>911</v>
      </c>
      <c r="B150" s="4" t="s">
        <v>553</v>
      </c>
      <c r="C150" s="3" t="s">
        <v>554</v>
      </c>
      <c r="D150" s="5" t="s">
        <v>964</v>
      </c>
      <c r="E150" s="3" t="s">
        <v>1206</v>
      </c>
      <c r="F150" s="3" t="s">
        <v>1309</v>
      </c>
      <c r="G150" s="3" t="s">
        <v>305</v>
      </c>
      <c r="H150" s="3" t="s">
        <v>59</v>
      </c>
      <c r="I150" s="3" t="s">
        <v>1447</v>
      </c>
      <c r="J150" s="3" t="s">
        <v>1311</v>
      </c>
      <c r="K150" s="3" t="s">
        <v>32</v>
      </c>
      <c r="L150" s="3" t="s">
        <v>33</v>
      </c>
      <c r="M150" s="3" t="s">
        <v>68</v>
      </c>
      <c r="N150" s="3" t="s">
        <v>69</v>
      </c>
      <c r="O150" s="3" t="s">
        <v>223</v>
      </c>
      <c r="P150" s="3" t="s">
        <v>37</v>
      </c>
      <c r="Q150" s="3" t="s">
        <v>37</v>
      </c>
      <c r="R150" s="3" t="s">
        <v>39</v>
      </c>
      <c r="S150" s="3" t="s">
        <v>1312</v>
      </c>
      <c r="T150" s="3" t="s">
        <v>37</v>
      </c>
      <c r="U150" s="3" t="s">
        <v>37</v>
      </c>
      <c r="V150" s="3" t="s">
        <v>37</v>
      </c>
    </row>
    <row r="151" spans="1:22" x14ac:dyDescent="0.25">
      <c r="A151" s="3" t="s">
        <v>911</v>
      </c>
      <c r="B151" s="4" t="s">
        <v>553</v>
      </c>
      <c r="C151" s="3" t="s">
        <v>554</v>
      </c>
      <c r="D151" s="5" t="s">
        <v>969</v>
      </c>
      <c r="E151" s="3" t="s">
        <v>1206</v>
      </c>
      <c r="F151" s="3" t="s">
        <v>1313</v>
      </c>
      <c r="G151" s="3" t="s">
        <v>81</v>
      </c>
      <c r="H151" s="3" t="s">
        <v>59</v>
      </c>
      <c r="I151" s="3" t="s">
        <v>1208</v>
      </c>
      <c r="J151" s="3" t="s">
        <v>1315</v>
      </c>
      <c r="K151" s="3" t="s">
        <v>32</v>
      </c>
      <c r="L151" s="3" t="s">
        <v>33</v>
      </c>
      <c r="M151" s="3" t="s">
        <v>68</v>
      </c>
      <c r="N151" s="3" t="s">
        <v>69</v>
      </c>
      <c r="O151" s="3" t="s">
        <v>223</v>
      </c>
      <c r="P151" s="3" t="s">
        <v>37</v>
      </c>
      <c r="Q151" s="3" t="s">
        <v>37</v>
      </c>
      <c r="R151" s="3" t="s">
        <v>39</v>
      </c>
      <c r="S151" s="3" t="s">
        <v>1316</v>
      </c>
      <c r="T151" s="3" t="s">
        <v>37</v>
      </c>
      <c r="U151" s="3" t="s">
        <v>37</v>
      </c>
      <c r="V151" s="3" t="s">
        <v>37</v>
      </c>
    </row>
    <row r="152" spans="1:22" x14ac:dyDescent="0.25">
      <c r="A152" s="3" t="s">
        <v>911</v>
      </c>
      <c r="B152" s="4" t="s">
        <v>553</v>
      </c>
      <c r="C152" s="3" t="s">
        <v>554</v>
      </c>
      <c r="D152" s="5" t="s">
        <v>105</v>
      </c>
      <c r="E152" s="3" t="s">
        <v>1206</v>
      </c>
      <c r="F152" s="3" t="s">
        <v>1317</v>
      </c>
      <c r="G152" s="3" t="s">
        <v>492</v>
      </c>
      <c r="H152" s="3" t="s">
        <v>59</v>
      </c>
      <c r="I152" s="3" t="s">
        <v>1216</v>
      </c>
      <c r="J152" s="3" t="s">
        <v>1318</v>
      </c>
      <c r="K152" s="3" t="s">
        <v>32</v>
      </c>
      <c r="L152" s="3" t="s">
        <v>33</v>
      </c>
      <c r="M152" s="3" t="s">
        <v>68</v>
      </c>
      <c r="N152" s="3" t="s">
        <v>69</v>
      </c>
      <c r="O152" s="3" t="s">
        <v>223</v>
      </c>
      <c r="P152" s="3" t="s">
        <v>37</v>
      </c>
      <c r="Q152" s="3" t="s">
        <v>37</v>
      </c>
      <c r="R152" s="3" t="s">
        <v>39</v>
      </c>
      <c r="S152" s="3" t="s">
        <v>1319</v>
      </c>
      <c r="T152" s="3" t="s">
        <v>37</v>
      </c>
      <c r="U152" s="3" t="s">
        <v>37</v>
      </c>
      <c r="V152" s="3" t="s">
        <v>37</v>
      </c>
    </row>
    <row r="153" spans="1:22" x14ac:dyDescent="0.25">
      <c r="A153" s="3" t="s">
        <v>911</v>
      </c>
      <c r="B153" s="4" t="s">
        <v>553</v>
      </c>
      <c r="C153" s="3" t="s">
        <v>554</v>
      </c>
      <c r="D153" s="5" t="s">
        <v>685</v>
      </c>
      <c r="E153" s="3" t="s">
        <v>521</v>
      </c>
      <c r="F153" s="3" t="s">
        <v>1320</v>
      </c>
      <c r="G153" s="3" t="s">
        <v>206</v>
      </c>
      <c r="H153" s="3" t="s">
        <v>59</v>
      </c>
      <c r="I153" s="3" t="s">
        <v>523</v>
      </c>
      <c r="J153" s="3" t="s">
        <v>1321</v>
      </c>
      <c r="K153" s="3" t="s">
        <v>32</v>
      </c>
      <c r="L153" s="3" t="s">
        <v>33</v>
      </c>
      <c r="M153" s="3" t="s">
        <v>34</v>
      </c>
      <c r="N153" s="3" t="s">
        <v>77</v>
      </c>
      <c r="O153" s="3" t="s">
        <v>223</v>
      </c>
      <c r="P153" s="3" t="s">
        <v>37</v>
      </c>
      <c r="Q153" s="3" t="s">
        <v>37</v>
      </c>
      <c r="R153" s="3" t="s">
        <v>39</v>
      </c>
      <c r="S153" s="3" t="s">
        <v>1322</v>
      </c>
      <c r="T153" s="3" t="s">
        <v>37</v>
      </c>
      <c r="U153" s="3" t="s">
        <v>37</v>
      </c>
      <c r="V153" s="3" t="s">
        <v>37</v>
      </c>
    </row>
    <row r="154" spans="1:22" x14ac:dyDescent="0.25">
      <c r="A154" s="3" t="s">
        <v>911</v>
      </c>
      <c r="B154" s="4" t="s">
        <v>553</v>
      </c>
      <c r="C154" s="3" t="s">
        <v>554</v>
      </c>
      <c r="D154" s="5" t="s">
        <v>979</v>
      </c>
      <c r="E154" s="3" t="s">
        <v>521</v>
      </c>
      <c r="F154" s="3" t="s">
        <v>1323</v>
      </c>
      <c r="G154" s="3" t="s">
        <v>211</v>
      </c>
      <c r="H154" s="3" t="s">
        <v>59</v>
      </c>
      <c r="I154" s="3" t="s">
        <v>523</v>
      </c>
      <c r="J154" s="3" t="s">
        <v>1324</v>
      </c>
      <c r="K154" s="3" t="s">
        <v>32</v>
      </c>
      <c r="L154" s="3" t="s">
        <v>37</v>
      </c>
      <c r="M154" s="3" t="s">
        <v>34</v>
      </c>
      <c r="N154" s="3" t="s">
        <v>77</v>
      </c>
      <c r="O154" s="3" t="s">
        <v>223</v>
      </c>
      <c r="P154" s="3" t="s">
        <v>37</v>
      </c>
      <c r="Q154" s="3" t="s">
        <v>37</v>
      </c>
      <c r="R154" s="3" t="s">
        <v>39</v>
      </c>
      <c r="S154" s="3" t="s">
        <v>1325</v>
      </c>
      <c r="T154" s="3" t="s">
        <v>37</v>
      </c>
      <c r="U154" s="3" t="s">
        <v>37</v>
      </c>
      <c r="V154" s="3" t="s">
        <v>37</v>
      </c>
    </row>
    <row r="155" spans="1:22" x14ac:dyDescent="0.25">
      <c r="A155" s="3" t="s">
        <v>911</v>
      </c>
      <c r="B155" s="4" t="s">
        <v>553</v>
      </c>
      <c r="C155" s="3" t="s">
        <v>554</v>
      </c>
      <c r="D155" s="5" t="s">
        <v>982</v>
      </c>
      <c r="E155" s="3" t="s">
        <v>521</v>
      </c>
      <c r="F155" s="3" t="s">
        <v>1326</v>
      </c>
      <c r="G155" s="3" t="s">
        <v>216</v>
      </c>
      <c r="H155" s="3" t="s">
        <v>59</v>
      </c>
      <c r="I155" s="3" t="s">
        <v>523</v>
      </c>
      <c r="J155" s="3" t="s">
        <v>1327</v>
      </c>
      <c r="K155" s="3" t="s">
        <v>32</v>
      </c>
      <c r="L155" s="3" t="s">
        <v>37</v>
      </c>
      <c r="M155" s="3" t="s">
        <v>34</v>
      </c>
      <c r="N155" s="3" t="s">
        <v>77</v>
      </c>
      <c r="O155" s="3" t="s">
        <v>223</v>
      </c>
      <c r="P155" s="3" t="s">
        <v>37</v>
      </c>
      <c r="Q155" s="3" t="s">
        <v>37</v>
      </c>
      <c r="R155" s="3" t="s">
        <v>39</v>
      </c>
      <c r="S155" s="3" t="s">
        <v>1328</v>
      </c>
      <c r="T155" s="3" t="s">
        <v>37</v>
      </c>
      <c r="U155" s="3" t="s">
        <v>37</v>
      </c>
      <c r="V155" s="3" t="s">
        <v>37</v>
      </c>
    </row>
    <row r="156" spans="1:22" x14ac:dyDescent="0.25">
      <c r="A156" s="3" t="s">
        <v>911</v>
      </c>
      <c r="B156" s="4" t="s">
        <v>553</v>
      </c>
      <c r="C156" s="3" t="s">
        <v>554</v>
      </c>
      <c r="D156" s="5" t="s">
        <v>128</v>
      </c>
      <c r="E156" s="3" t="s">
        <v>965</v>
      </c>
      <c r="F156" s="3" t="s">
        <v>1329</v>
      </c>
      <c r="G156" s="3" t="s">
        <v>155</v>
      </c>
      <c r="H156" s="3" t="s">
        <v>29</v>
      </c>
      <c r="I156" s="3" t="s">
        <v>1230</v>
      </c>
      <c r="J156" s="3" t="s">
        <v>1330</v>
      </c>
      <c r="K156" s="3" t="s">
        <v>32</v>
      </c>
      <c r="L156" s="3" t="s">
        <v>33</v>
      </c>
      <c r="M156" s="3" t="s">
        <v>68</v>
      </c>
      <c r="N156" s="3" t="s">
        <v>69</v>
      </c>
      <c r="O156" s="3" t="s">
        <v>223</v>
      </c>
      <c r="P156" s="3" t="s">
        <v>37</v>
      </c>
      <c r="Q156" s="3" t="s">
        <v>37</v>
      </c>
      <c r="R156" s="3" t="s">
        <v>39</v>
      </c>
      <c r="S156" s="3" t="s">
        <v>1331</v>
      </c>
      <c r="T156" s="3" t="s">
        <v>37</v>
      </c>
      <c r="U156" s="3" t="s">
        <v>37</v>
      </c>
      <c r="V156" s="3" t="s">
        <v>37</v>
      </c>
    </row>
    <row r="157" spans="1:22" x14ac:dyDescent="0.25">
      <c r="A157" s="3" t="s">
        <v>911</v>
      </c>
      <c r="B157" s="4" t="s">
        <v>553</v>
      </c>
      <c r="C157" s="3" t="s">
        <v>554</v>
      </c>
      <c r="D157" s="5" t="s">
        <v>474</v>
      </c>
      <c r="E157" s="3" t="s">
        <v>965</v>
      </c>
      <c r="F157" s="3" t="s">
        <v>1332</v>
      </c>
      <c r="G157" s="3" t="s">
        <v>162</v>
      </c>
      <c r="H157" s="3" t="s">
        <v>29</v>
      </c>
      <c r="I157" s="3" t="s">
        <v>1230</v>
      </c>
      <c r="J157" s="3" t="s">
        <v>1333</v>
      </c>
      <c r="K157" s="3" t="s">
        <v>32</v>
      </c>
      <c r="L157" s="3" t="s">
        <v>33</v>
      </c>
      <c r="M157" s="3" t="s">
        <v>68</v>
      </c>
      <c r="N157" s="3" t="s">
        <v>69</v>
      </c>
      <c r="O157" s="3" t="s">
        <v>36</v>
      </c>
      <c r="P157" s="3" t="s">
        <v>37</v>
      </c>
      <c r="Q157" s="3" t="s">
        <v>37</v>
      </c>
      <c r="R157" s="3" t="s">
        <v>39</v>
      </c>
      <c r="S157" s="3" t="s">
        <v>1334</v>
      </c>
      <c r="T157" s="3" t="s">
        <v>37</v>
      </c>
      <c r="U157" s="3" t="s">
        <v>37</v>
      </c>
      <c r="V157" s="3" t="s">
        <v>37</v>
      </c>
    </row>
    <row r="158" spans="1:22" x14ac:dyDescent="0.25">
      <c r="A158" s="3" t="s">
        <v>911</v>
      </c>
      <c r="B158" s="4" t="s">
        <v>553</v>
      </c>
      <c r="C158" s="3" t="s">
        <v>554</v>
      </c>
      <c r="D158" s="5" t="s">
        <v>137</v>
      </c>
      <c r="E158" s="3" t="s">
        <v>934</v>
      </c>
      <c r="F158" s="3" t="s">
        <v>1087</v>
      </c>
      <c r="G158" s="3" t="s">
        <v>375</v>
      </c>
      <c r="H158" s="3" t="s">
        <v>29</v>
      </c>
      <c r="I158" s="3" t="s">
        <v>942</v>
      </c>
      <c r="J158" s="3" t="s">
        <v>1088</v>
      </c>
      <c r="K158" s="3" t="s">
        <v>32</v>
      </c>
      <c r="L158" s="3" t="s">
        <v>33</v>
      </c>
      <c r="M158" s="3" t="s">
        <v>938</v>
      </c>
      <c r="N158" s="3" t="s">
        <v>190</v>
      </c>
      <c r="O158" s="3" t="s">
        <v>158</v>
      </c>
      <c r="P158" s="3" t="s">
        <v>37</v>
      </c>
      <c r="Q158" s="3" t="s">
        <v>37</v>
      </c>
      <c r="R158" s="3" t="s">
        <v>39</v>
      </c>
      <c r="S158" s="3" t="s">
        <v>1089</v>
      </c>
      <c r="T158" s="3" t="s">
        <v>37</v>
      </c>
      <c r="U158" s="3" t="s">
        <v>37</v>
      </c>
      <c r="V158" s="3" t="s">
        <v>37</v>
      </c>
    </row>
    <row r="159" spans="1:22" x14ac:dyDescent="0.25">
      <c r="A159" s="3" t="s">
        <v>911</v>
      </c>
      <c r="B159" s="4" t="s">
        <v>553</v>
      </c>
      <c r="C159" s="3" t="s">
        <v>554</v>
      </c>
      <c r="D159" s="5" t="s">
        <v>692</v>
      </c>
      <c r="E159" s="3" t="s">
        <v>934</v>
      </c>
      <c r="F159" s="3" t="s">
        <v>1132</v>
      </c>
      <c r="G159" s="3" t="s">
        <v>176</v>
      </c>
      <c r="H159" s="3" t="s">
        <v>29</v>
      </c>
      <c r="I159" s="3" t="s">
        <v>936</v>
      </c>
      <c r="J159" s="8" t="s">
        <v>937</v>
      </c>
      <c r="K159" s="3" t="s">
        <v>32</v>
      </c>
      <c r="L159" s="3" t="s">
        <v>33</v>
      </c>
      <c r="M159" s="3" t="s">
        <v>938</v>
      </c>
      <c r="N159" s="3" t="s">
        <v>190</v>
      </c>
      <c r="O159" s="3" t="s">
        <v>158</v>
      </c>
      <c r="P159" s="3" t="s">
        <v>37</v>
      </c>
      <c r="Q159" s="3" t="s">
        <v>37</v>
      </c>
      <c r="R159" s="3" t="s">
        <v>39</v>
      </c>
      <c r="S159" s="3" t="s">
        <v>1133</v>
      </c>
      <c r="T159" s="3" t="s">
        <v>37</v>
      </c>
      <c r="U159" s="3" t="s">
        <v>37</v>
      </c>
      <c r="V159" s="3" t="s">
        <v>37</v>
      </c>
    </row>
    <row r="160" spans="1:22" x14ac:dyDescent="0.25">
      <c r="A160" s="3" t="s">
        <v>911</v>
      </c>
      <c r="B160" s="4" t="s">
        <v>553</v>
      </c>
      <c r="C160" s="3" t="s">
        <v>554</v>
      </c>
      <c r="D160" s="5" t="s">
        <v>1242</v>
      </c>
      <c r="E160" s="3" t="s">
        <v>934</v>
      </c>
      <c r="F160" s="3" t="s">
        <v>1134</v>
      </c>
      <c r="G160" s="3" t="s">
        <v>344</v>
      </c>
      <c r="H160" s="3" t="s">
        <v>29</v>
      </c>
      <c r="I160" s="3" t="s">
        <v>936</v>
      </c>
      <c r="J160" s="8" t="s">
        <v>937</v>
      </c>
      <c r="K160" s="3" t="s">
        <v>32</v>
      </c>
      <c r="L160" s="3" t="s">
        <v>33</v>
      </c>
      <c r="M160" s="3" t="s">
        <v>938</v>
      </c>
      <c r="N160" s="3" t="s">
        <v>190</v>
      </c>
      <c r="O160" s="3" t="s">
        <v>158</v>
      </c>
      <c r="P160" s="3" t="s">
        <v>37</v>
      </c>
      <c r="Q160" s="3" t="s">
        <v>37</v>
      </c>
      <c r="R160" s="3" t="s">
        <v>39</v>
      </c>
      <c r="S160" s="3" t="s">
        <v>1135</v>
      </c>
      <c r="T160" s="3" t="s">
        <v>37</v>
      </c>
      <c r="U160" s="3" t="s">
        <v>37</v>
      </c>
      <c r="V160" s="3" t="s">
        <v>37</v>
      </c>
    </row>
    <row r="161" spans="1:22" x14ac:dyDescent="0.25">
      <c r="A161" s="3" t="s">
        <v>911</v>
      </c>
      <c r="B161" s="4" t="s">
        <v>553</v>
      </c>
      <c r="C161" s="3" t="s">
        <v>554</v>
      </c>
      <c r="D161" s="5" t="s">
        <v>993</v>
      </c>
      <c r="E161" s="3" t="s">
        <v>934</v>
      </c>
      <c r="F161" s="3" t="s">
        <v>1136</v>
      </c>
      <c r="G161" s="3" t="s">
        <v>592</v>
      </c>
      <c r="H161" s="3" t="s">
        <v>29</v>
      </c>
      <c r="I161" s="3" t="s">
        <v>936</v>
      </c>
      <c r="J161" s="8" t="s">
        <v>937</v>
      </c>
      <c r="K161" s="3" t="s">
        <v>32</v>
      </c>
      <c r="L161" s="3" t="s">
        <v>33</v>
      </c>
      <c r="M161" s="3" t="s">
        <v>938</v>
      </c>
      <c r="N161" s="3" t="s">
        <v>190</v>
      </c>
      <c r="O161" s="3" t="s">
        <v>158</v>
      </c>
      <c r="P161" s="3" t="s">
        <v>37</v>
      </c>
      <c r="Q161" s="3" t="s">
        <v>37</v>
      </c>
      <c r="R161" s="3" t="s">
        <v>39</v>
      </c>
      <c r="S161" s="3" t="s">
        <v>1137</v>
      </c>
      <c r="T161" s="3" t="s">
        <v>37</v>
      </c>
      <c r="U161" s="3" t="s">
        <v>37</v>
      </c>
      <c r="V161" s="3" t="s">
        <v>37</v>
      </c>
    </row>
    <row r="162" spans="1:22" x14ac:dyDescent="0.25">
      <c r="A162" s="3" t="s">
        <v>911</v>
      </c>
      <c r="B162" s="4" t="s">
        <v>553</v>
      </c>
      <c r="C162" s="3" t="s">
        <v>554</v>
      </c>
      <c r="D162" s="5" t="s">
        <v>1248</v>
      </c>
      <c r="E162" s="3" t="s">
        <v>934</v>
      </c>
      <c r="F162" s="3" t="s">
        <v>1176</v>
      </c>
      <c r="G162" s="3" t="s">
        <v>310</v>
      </c>
      <c r="H162" s="3" t="s">
        <v>29</v>
      </c>
      <c r="I162" s="3" t="s">
        <v>936</v>
      </c>
      <c r="J162" s="3" t="s">
        <v>1177</v>
      </c>
      <c r="K162" s="3" t="s">
        <v>32</v>
      </c>
      <c r="L162" s="3" t="s">
        <v>33</v>
      </c>
      <c r="M162" s="3" t="s">
        <v>938</v>
      </c>
      <c r="N162" s="3" t="s">
        <v>190</v>
      </c>
      <c r="O162" s="3" t="s">
        <v>158</v>
      </c>
      <c r="P162" s="3" t="s">
        <v>37</v>
      </c>
      <c r="Q162" s="3" t="s">
        <v>37</v>
      </c>
      <c r="R162" s="3" t="s">
        <v>39</v>
      </c>
      <c r="S162" s="3" t="s">
        <v>1178</v>
      </c>
      <c r="T162" s="3" t="s">
        <v>37</v>
      </c>
      <c r="U162" s="3" t="s">
        <v>37</v>
      </c>
      <c r="V162" s="3" t="s">
        <v>37</v>
      </c>
    </row>
    <row r="163" spans="1:22" x14ac:dyDescent="0.25">
      <c r="A163" s="3" t="s">
        <v>911</v>
      </c>
      <c r="B163" s="4" t="s">
        <v>553</v>
      </c>
      <c r="C163" s="3" t="s">
        <v>554</v>
      </c>
      <c r="D163" s="5" t="s">
        <v>150</v>
      </c>
      <c r="E163" s="3" t="s">
        <v>934</v>
      </c>
      <c r="F163" s="3" t="s">
        <v>1180</v>
      </c>
      <c r="G163" s="3" t="s">
        <v>714</v>
      </c>
      <c r="H163" s="3" t="s">
        <v>29</v>
      </c>
      <c r="I163" s="3" t="s">
        <v>936</v>
      </c>
      <c r="J163" s="8" t="s">
        <v>937</v>
      </c>
      <c r="K163" s="3" t="s">
        <v>32</v>
      </c>
      <c r="L163" s="3" t="s">
        <v>33</v>
      </c>
      <c r="M163" s="3" t="s">
        <v>938</v>
      </c>
      <c r="N163" s="3" t="s">
        <v>190</v>
      </c>
      <c r="O163" s="3" t="s">
        <v>158</v>
      </c>
      <c r="P163" s="3" t="s">
        <v>37</v>
      </c>
      <c r="Q163" s="3" t="s">
        <v>37</v>
      </c>
      <c r="R163" s="3" t="s">
        <v>39</v>
      </c>
      <c r="S163" s="3" t="s">
        <v>1181</v>
      </c>
      <c r="T163" s="3" t="s">
        <v>37</v>
      </c>
      <c r="U163" s="3" t="s">
        <v>37</v>
      </c>
      <c r="V163" s="3" t="s">
        <v>37</v>
      </c>
    </row>
    <row r="164" spans="1:22" x14ac:dyDescent="0.25">
      <c r="A164" s="3" t="s">
        <v>911</v>
      </c>
      <c r="B164" s="4" t="s">
        <v>553</v>
      </c>
      <c r="C164" s="3" t="s">
        <v>554</v>
      </c>
      <c r="D164" s="5" t="s">
        <v>152</v>
      </c>
      <c r="E164" s="3" t="s">
        <v>929</v>
      </c>
      <c r="F164" s="3" t="s">
        <v>1335</v>
      </c>
      <c r="G164" s="3" t="s">
        <v>151</v>
      </c>
      <c r="H164" s="3" t="s">
        <v>29</v>
      </c>
      <c r="I164" s="3" t="s">
        <v>37</v>
      </c>
      <c r="J164" s="3" t="s">
        <v>1336</v>
      </c>
      <c r="K164" s="3" t="s">
        <v>32</v>
      </c>
      <c r="L164" s="3" t="s">
        <v>33</v>
      </c>
      <c r="M164" s="3" t="s">
        <v>68</v>
      </c>
      <c r="N164" s="3" t="s">
        <v>69</v>
      </c>
      <c r="O164" s="3" t="s">
        <v>53</v>
      </c>
      <c r="P164" s="3" t="s">
        <v>37</v>
      </c>
      <c r="Q164" s="3" t="s">
        <v>37</v>
      </c>
      <c r="R164" s="3" t="s">
        <v>39</v>
      </c>
      <c r="S164" s="3" t="s">
        <v>1337</v>
      </c>
      <c r="T164" s="3" t="s">
        <v>37</v>
      </c>
      <c r="U164" s="3" t="s">
        <v>37</v>
      </c>
      <c r="V164" s="3" t="s">
        <v>37</v>
      </c>
    </row>
    <row r="165" spans="1:22" x14ac:dyDescent="0.25">
      <c r="A165" s="3" t="s">
        <v>911</v>
      </c>
      <c r="B165" s="4" t="s">
        <v>553</v>
      </c>
      <c r="C165" s="3" t="s">
        <v>554</v>
      </c>
      <c r="D165" s="5" t="s">
        <v>165</v>
      </c>
      <c r="E165" s="3" t="s">
        <v>521</v>
      </c>
      <c r="F165" s="3" t="s">
        <v>1338</v>
      </c>
      <c r="G165" s="3" t="s">
        <v>743</v>
      </c>
      <c r="H165" s="3" t="s">
        <v>87</v>
      </c>
      <c r="I165" s="3" t="s">
        <v>523</v>
      </c>
      <c r="J165" s="3" t="s">
        <v>1339</v>
      </c>
      <c r="K165" s="3" t="s">
        <v>32</v>
      </c>
      <c r="L165" s="3" t="s">
        <v>33</v>
      </c>
      <c r="M165" s="3" t="s">
        <v>34</v>
      </c>
      <c r="N165" s="3" t="s">
        <v>190</v>
      </c>
      <c r="O165" s="3" t="s">
        <v>223</v>
      </c>
      <c r="P165" s="3" t="s">
        <v>37</v>
      </c>
      <c r="Q165" s="3" t="s">
        <v>37</v>
      </c>
      <c r="R165" s="3" t="s">
        <v>39</v>
      </c>
      <c r="S165" s="3" t="s">
        <v>1340</v>
      </c>
      <c r="T165" s="3" t="s">
        <v>37</v>
      </c>
      <c r="U165" s="3" t="s">
        <v>37</v>
      </c>
      <c r="V165" s="3" t="s">
        <v>37</v>
      </c>
    </row>
    <row r="166" spans="1:22" x14ac:dyDescent="0.25">
      <c r="A166" s="3" t="s">
        <v>911</v>
      </c>
      <c r="B166" s="4" t="s">
        <v>553</v>
      </c>
      <c r="C166" s="3" t="s">
        <v>554</v>
      </c>
      <c r="D166" s="5" t="s">
        <v>1004</v>
      </c>
      <c r="E166" s="3" t="s">
        <v>934</v>
      </c>
      <c r="F166" s="3" t="s">
        <v>1341</v>
      </c>
      <c r="G166" s="3" t="s">
        <v>74</v>
      </c>
      <c r="H166" s="3" t="s">
        <v>29</v>
      </c>
      <c r="I166" s="3" t="s">
        <v>936</v>
      </c>
      <c r="J166" s="8" t="s">
        <v>937</v>
      </c>
      <c r="K166" s="3" t="s">
        <v>32</v>
      </c>
      <c r="L166" s="3" t="s">
        <v>33</v>
      </c>
      <c r="M166" s="3" t="s">
        <v>938</v>
      </c>
      <c r="N166" s="3" t="s">
        <v>190</v>
      </c>
      <c r="O166" s="3" t="s">
        <v>158</v>
      </c>
      <c r="P166" s="3" t="s">
        <v>37</v>
      </c>
      <c r="Q166" s="3" t="s">
        <v>37</v>
      </c>
      <c r="R166" s="3" t="s">
        <v>39</v>
      </c>
      <c r="S166" s="3" t="s">
        <v>1342</v>
      </c>
      <c r="T166" s="3" t="s">
        <v>127</v>
      </c>
      <c r="U166" s="3" t="s">
        <v>37</v>
      </c>
      <c r="V166" s="3" t="s">
        <v>37</v>
      </c>
    </row>
    <row r="167" spans="1:22" x14ac:dyDescent="0.25">
      <c r="A167" s="3" t="s">
        <v>911</v>
      </c>
      <c r="B167" s="4" t="s">
        <v>553</v>
      </c>
      <c r="C167" s="3" t="s">
        <v>554</v>
      </c>
      <c r="D167" s="5" t="s">
        <v>174</v>
      </c>
      <c r="E167" s="3" t="s">
        <v>934</v>
      </c>
      <c r="F167" s="3" t="s">
        <v>1343</v>
      </c>
      <c r="G167" s="3" t="s">
        <v>162</v>
      </c>
      <c r="H167" s="3" t="s">
        <v>29</v>
      </c>
      <c r="I167" s="3" t="s">
        <v>936</v>
      </c>
      <c r="J167" s="8" t="s">
        <v>937</v>
      </c>
      <c r="K167" s="3" t="s">
        <v>32</v>
      </c>
      <c r="L167" s="3" t="s">
        <v>33</v>
      </c>
      <c r="M167" s="3" t="s">
        <v>938</v>
      </c>
      <c r="N167" s="3" t="s">
        <v>190</v>
      </c>
      <c r="O167" s="3" t="s">
        <v>158</v>
      </c>
      <c r="P167" s="3" t="s">
        <v>37</v>
      </c>
      <c r="Q167" s="3" t="s">
        <v>37</v>
      </c>
      <c r="R167" s="3" t="s">
        <v>39</v>
      </c>
      <c r="S167" s="3" t="s">
        <v>1344</v>
      </c>
      <c r="T167" s="3" t="s">
        <v>37</v>
      </c>
      <c r="U167" s="3" t="s">
        <v>37</v>
      </c>
      <c r="V167" s="3" t="s">
        <v>37</v>
      </c>
    </row>
    <row r="168" spans="1:22" x14ac:dyDescent="0.25">
      <c r="A168" s="3" t="s">
        <v>911</v>
      </c>
      <c r="B168" s="4" t="s">
        <v>553</v>
      </c>
      <c r="C168" s="3" t="s">
        <v>554</v>
      </c>
      <c r="D168" s="5" t="s">
        <v>1010</v>
      </c>
      <c r="E168" s="3" t="s">
        <v>934</v>
      </c>
      <c r="F168" s="3" t="s">
        <v>1345</v>
      </c>
      <c r="G168" s="3" t="s">
        <v>28</v>
      </c>
      <c r="H168" s="3" t="s">
        <v>29</v>
      </c>
      <c r="I168" s="3" t="s">
        <v>936</v>
      </c>
      <c r="J168" s="8" t="s">
        <v>937</v>
      </c>
      <c r="K168" s="3" t="s">
        <v>32</v>
      </c>
      <c r="L168" s="3" t="s">
        <v>33</v>
      </c>
      <c r="M168" s="3" t="s">
        <v>938</v>
      </c>
      <c r="N168" s="3" t="s">
        <v>190</v>
      </c>
      <c r="O168" s="3" t="s">
        <v>158</v>
      </c>
      <c r="P168" s="3" t="s">
        <v>37</v>
      </c>
      <c r="Q168" s="3" t="s">
        <v>37</v>
      </c>
      <c r="R168" s="3" t="s">
        <v>39</v>
      </c>
      <c r="S168" s="3" t="s">
        <v>1346</v>
      </c>
      <c r="T168" s="3" t="s">
        <v>37</v>
      </c>
      <c r="U168" s="3" t="s">
        <v>37</v>
      </c>
      <c r="V168" s="3" t="s">
        <v>37</v>
      </c>
    </row>
    <row r="169" spans="1:22" x14ac:dyDescent="0.25">
      <c r="A169" s="3" t="s">
        <v>911</v>
      </c>
      <c r="B169" s="4" t="s">
        <v>553</v>
      </c>
      <c r="C169" s="3" t="s">
        <v>554</v>
      </c>
      <c r="D169" s="5" t="s">
        <v>1014</v>
      </c>
      <c r="E169" s="3" t="s">
        <v>956</v>
      </c>
      <c r="F169" s="3" t="s">
        <v>1262</v>
      </c>
      <c r="G169" s="3" t="s">
        <v>425</v>
      </c>
      <c r="H169" s="3" t="s">
        <v>87</v>
      </c>
      <c r="I169" s="3" t="s">
        <v>37</v>
      </c>
      <c r="J169" s="3" t="s">
        <v>1263</v>
      </c>
      <c r="K169" s="3" t="s">
        <v>32</v>
      </c>
      <c r="L169" s="3" t="s">
        <v>33</v>
      </c>
      <c r="M169" s="3" t="s">
        <v>68</v>
      </c>
      <c r="N169" s="3" t="s">
        <v>190</v>
      </c>
      <c r="O169" s="3" t="s">
        <v>37</v>
      </c>
      <c r="P169" s="3" t="s">
        <v>37</v>
      </c>
      <c r="Q169" s="3" t="s">
        <v>37</v>
      </c>
      <c r="R169" s="3" t="s">
        <v>39</v>
      </c>
      <c r="S169" s="3" t="s">
        <v>1347</v>
      </c>
      <c r="T169" s="3" t="s">
        <v>127</v>
      </c>
      <c r="U169" s="3" t="s">
        <v>37</v>
      </c>
      <c r="V169" s="3" t="s">
        <v>37</v>
      </c>
    </row>
    <row r="170" spans="1:22" x14ac:dyDescent="0.25">
      <c r="A170" s="3" t="s">
        <v>911</v>
      </c>
      <c r="B170" s="4" t="s">
        <v>553</v>
      </c>
      <c r="C170" s="3" t="s">
        <v>554</v>
      </c>
      <c r="D170" s="5" t="s">
        <v>179</v>
      </c>
      <c r="E170" s="3" t="s">
        <v>956</v>
      </c>
      <c r="F170" s="3" t="s">
        <v>1262</v>
      </c>
      <c r="G170" s="3" t="s">
        <v>356</v>
      </c>
      <c r="H170" s="3" t="s">
        <v>87</v>
      </c>
      <c r="I170" s="3" t="s">
        <v>37</v>
      </c>
      <c r="J170" s="3" t="s">
        <v>1263</v>
      </c>
      <c r="K170" s="3" t="s">
        <v>32</v>
      </c>
      <c r="L170" s="3" t="s">
        <v>33</v>
      </c>
      <c r="M170" s="3" t="s">
        <v>68</v>
      </c>
      <c r="N170" s="3" t="s">
        <v>190</v>
      </c>
      <c r="O170" s="3" t="s">
        <v>37</v>
      </c>
      <c r="P170" s="3" t="s">
        <v>37</v>
      </c>
      <c r="Q170" s="3" t="s">
        <v>37</v>
      </c>
      <c r="R170" s="3" t="s">
        <v>39</v>
      </c>
      <c r="S170" s="3" t="s">
        <v>1264</v>
      </c>
      <c r="T170" s="3" t="s">
        <v>37</v>
      </c>
      <c r="U170" s="3" t="s">
        <v>37</v>
      </c>
      <c r="V170" s="3" t="s">
        <v>37</v>
      </c>
    </row>
    <row r="171" spans="1:22" x14ac:dyDescent="0.25">
      <c r="A171" s="3" t="s">
        <v>911</v>
      </c>
      <c r="B171" s="4" t="s">
        <v>553</v>
      </c>
      <c r="C171" s="3" t="s">
        <v>554</v>
      </c>
      <c r="D171" s="5" t="s">
        <v>1016</v>
      </c>
      <c r="E171" s="3" t="s">
        <v>1266</v>
      </c>
      <c r="F171" s="3" t="s">
        <v>1348</v>
      </c>
      <c r="G171" s="3" t="s">
        <v>87</v>
      </c>
      <c r="H171" s="3" t="s">
        <v>29</v>
      </c>
      <c r="I171" s="3" t="s">
        <v>37</v>
      </c>
      <c r="J171" s="3" t="s">
        <v>1268</v>
      </c>
      <c r="K171" s="3" t="s">
        <v>32</v>
      </c>
      <c r="L171" s="3" t="s">
        <v>33</v>
      </c>
      <c r="M171" s="3" t="s">
        <v>68</v>
      </c>
      <c r="N171" s="3" t="s">
        <v>190</v>
      </c>
      <c r="O171" s="3" t="s">
        <v>37</v>
      </c>
      <c r="P171" s="3" t="s">
        <v>37</v>
      </c>
      <c r="Q171" s="3" t="s">
        <v>37</v>
      </c>
      <c r="R171" s="3" t="s">
        <v>39</v>
      </c>
      <c r="S171" s="3" t="s">
        <v>1349</v>
      </c>
      <c r="T171" s="3" t="s">
        <v>127</v>
      </c>
      <c r="U171" s="3" t="s">
        <v>37</v>
      </c>
      <c r="V171" s="3" t="s">
        <v>37</v>
      </c>
    </row>
    <row r="172" spans="1:22" x14ac:dyDescent="0.25">
      <c r="A172" s="3" t="s">
        <v>911</v>
      </c>
      <c r="B172" s="4" t="s">
        <v>553</v>
      </c>
      <c r="C172" s="3" t="s">
        <v>554</v>
      </c>
      <c r="D172" s="5" t="s">
        <v>1019</v>
      </c>
      <c r="E172" s="3" t="s">
        <v>996</v>
      </c>
      <c r="F172" s="3" t="s">
        <v>1350</v>
      </c>
      <c r="G172" s="3" t="s">
        <v>176</v>
      </c>
      <c r="H172" s="3" t="s">
        <v>59</v>
      </c>
      <c r="I172" s="3" t="s">
        <v>37</v>
      </c>
      <c r="J172" s="3" t="s">
        <v>1351</v>
      </c>
      <c r="K172" s="3" t="s">
        <v>32</v>
      </c>
      <c r="L172" s="3" t="s">
        <v>33</v>
      </c>
      <c r="M172" s="3" t="s">
        <v>68</v>
      </c>
      <c r="N172" s="3" t="s">
        <v>69</v>
      </c>
      <c r="O172" s="3" t="s">
        <v>223</v>
      </c>
      <c r="P172" s="3" t="s">
        <v>37</v>
      </c>
      <c r="Q172" s="3" t="s">
        <v>37</v>
      </c>
      <c r="R172" s="3" t="s">
        <v>39</v>
      </c>
      <c r="S172" s="3" t="s">
        <v>1352</v>
      </c>
      <c r="T172" s="3" t="s">
        <v>37</v>
      </c>
      <c r="U172" s="3" t="s">
        <v>37</v>
      </c>
      <c r="V172" s="3" t="s">
        <v>37</v>
      </c>
    </row>
    <row r="173" spans="1:22" x14ac:dyDescent="0.25">
      <c r="A173" s="3" t="s">
        <v>911</v>
      </c>
      <c r="B173" s="4" t="s">
        <v>553</v>
      </c>
      <c r="C173" s="3" t="s">
        <v>554</v>
      </c>
      <c r="D173" s="5" t="s">
        <v>1273</v>
      </c>
      <c r="E173" s="3" t="s">
        <v>521</v>
      </c>
      <c r="F173" s="3" t="s">
        <v>1353</v>
      </c>
      <c r="G173" s="3" t="s">
        <v>487</v>
      </c>
      <c r="H173" s="3" t="s">
        <v>87</v>
      </c>
      <c r="I173" s="3" t="s">
        <v>523</v>
      </c>
      <c r="J173" s="3" t="s">
        <v>1354</v>
      </c>
      <c r="K173" s="3" t="s">
        <v>32</v>
      </c>
      <c r="L173" s="3" t="s">
        <v>33</v>
      </c>
      <c r="M173" s="3" t="s">
        <v>34</v>
      </c>
      <c r="N173" s="3" t="s">
        <v>190</v>
      </c>
      <c r="O173" s="3" t="s">
        <v>223</v>
      </c>
      <c r="P173" s="3" t="s">
        <v>37</v>
      </c>
      <c r="Q173" s="3" t="s">
        <v>37</v>
      </c>
      <c r="R173" s="3" t="s">
        <v>39</v>
      </c>
      <c r="S173" s="3" t="s">
        <v>1355</v>
      </c>
      <c r="T173" s="3" t="s">
        <v>37</v>
      </c>
      <c r="U173" s="3" t="s">
        <v>37</v>
      </c>
      <c r="V173" s="3" t="s">
        <v>37</v>
      </c>
    </row>
    <row r="174" spans="1:22" x14ac:dyDescent="0.25">
      <c r="A174" s="3" t="s">
        <v>911</v>
      </c>
      <c r="B174" s="4" t="s">
        <v>553</v>
      </c>
      <c r="C174" s="3" t="s">
        <v>554</v>
      </c>
      <c r="D174" s="5" t="s">
        <v>1025</v>
      </c>
      <c r="E174" s="3" t="s">
        <v>1026</v>
      </c>
      <c r="F174" s="3" t="s">
        <v>1356</v>
      </c>
      <c r="G174" s="3" t="s">
        <v>613</v>
      </c>
      <c r="H174" s="3" t="s">
        <v>87</v>
      </c>
      <c r="I174" s="3" t="s">
        <v>37</v>
      </c>
      <c r="J174" s="3" t="s">
        <v>1357</v>
      </c>
      <c r="K174" s="3" t="s">
        <v>32</v>
      </c>
      <c r="L174" s="3" t="s">
        <v>33</v>
      </c>
      <c r="M174" s="3" t="s">
        <v>68</v>
      </c>
      <c r="N174" s="3" t="s">
        <v>69</v>
      </c>
      <c r="O174" s="3" t="s">
        <v>53</v>
      </c>
      <c r="P174" s="3" t="s">
        <v>37</v>
      </c>
      <c r="Q174" s="3" t="s">
        <v>37</v>
      </c>
      <c r="R174" s="3" t="s">
        <v>39</v>
      </c>
      <c r="S174" s="3" t="s">
        <v>1358</v>
      </c>
      <c r="T174" s="3" t="s">
        <v>37</v>
      </c>
      <c r="U174" s="3" t="s">
        <v>37</v>
      </c>
      <c r="V174" s="3" t="s">
        <v>37</v>
      </c>
    </row>
    <row r="175" spans="1:22" x14ac:dyDescent="0.25">
      <c r="A175" s="3" t="s">
        <v>911</v>
      </c>
      <c r="B175" s="4" t="s">
        <v>553</v>
      </c>
      <c r="C175" s="3" t="s">
        <v>554</v>
      </c>
      <c r="D175" s="5" t="s">
        <v>199</v>
      </c>
      <c r="E175" s="3" t="s">
        <v>1031</v>
      </c>
      <c r="F175" s="3" t="s">
        <v>1359</v>
      </c>
      <c r="G175" s="3" t="s">
        <v>475</v>
      </c>
      <c r="H175" s="3" t="s">
        <v>87</v>
      </c>
      <c r="I175" s="3" t="s">
        <v>1033</v>
      </c>
      <c r="J175" s="3" t="s">
        <v>1360</v>
      </c>
      <c r="K175" s="3" t="s">
        <v>32</v>
      </c>
      <c r="L175" s="3" t="s">
        <v>33</v>
      </c>
      <c r="M175" s="3" t="s">
        <v>68</v>
      </c>
      <c r="N175" s="3" t="s">
        <v>52</v>
      </c>
      <c r="O175" s="3" t="s">
        <v>36</v>
      </c>
      <c r="P175" s="3" t="s">
        <v>37</v>
      </c>
      <c r="Q175" s="3" t="s">
        <v>37</v>
      </c>
      <c r="R175" s="3" t="s">
        <v>39</v>
      </c>
      <c r="S175" s="3" t="s">
        <v>1361</v>
      </c>
      <c r="T175" s="3" t="s">
        <v>37</v>
      </c>
      <c r="U175" s="3" t="s">
        <v>37</v>
      </c>
      <c r="V175" s="3" t="s">
        <v>37</v>
      </c>
    </row>
    <row r="176" spans="1:22" x14ac:dyDescent="0.25">
      <c r="A176" s="3" t="s">
        <v>911</v>
      </c>
      <c r="B176" s="4" t="s">
        <v>553</v>
      </c>
      <c r="C176" s="3" t="s">
        <v>554</v>
      </c>
      <c r="D176" s="5" t="s">
        <v>1036</v>
      </c>
      <c r="E176" s="3" t="s">
        <v>1283</v>
      </c>
      <c r="F176" s="3" t="s">
        <v>1362</v>
      </c>
      <c r="G176" s="3" t="s">
        <v>421</v>
      </c>
      <c r="H176" s="3" t="s">
        <v>87</v>
      </c>
      <c r="I176" s="3" t="s">
        <v>1554</v>
      </c>
      <c r="J176" s="3" t="s">
        <v>1363</v>
      </c>
      <c r="K176" s="3" t="s">
        <v>32</v>
      </c>
      <c r="L176" s="3" t="s">
        <v>33</v>
      </c>
      <c r="M176" s="3" t="s">
        <v>68</v>
      </c>
      <c r="N176" s="3" t="s">
        <v>1040</v>
      </c>
      <c r="O176" s="3" t="s">
        <v>223</v>
      </c>
      <c r="P176" s="3" t="s">
        <v>37</v>
      </c>
      <c r="Q176" s="3" t="s">
        <v>37</v>
      </c>
      <c r="R176" s="3" t="s">
        <v>39</v>
      </c>
      <c r="S176" s="3" t="s">
        <v>1364</v>
      </c>
      <c r="T176" s="3" t="s">
        <v>37</v>
      </c>
      <c r="U176" s="3" t="s">
        <v>37</v>
      </c>
      <c r="V176" s="3" t="s">
        <v>37</v>
      </c>
    </row>
    <row r="177" spans="1:22" x14ac:dyDescent="0.25">
      <c r="A177" s="3" t="s">
        <v>911</v>
      </c>
      <c r="B177" s="4" t="s">
        <v>553</v>
      </c>
      <c r="C177" s="3" t="s">
        <v>554</v>
      </c>
      <c r="D177" s="5" t="s">
        <v>520</v>
      </c>
      <c r="E177" s="3" t="s">
        <v>934</v>
      </c>
      <c r="F177" s="3" t="s">
        <v>1191</v>
      </c>
      <c r="G177" s="3" t="s">
        <v>59</v>
      </c>
      <c r="H177" s="3" t="s">
        <v>29</v>
      </c>
      <c r="I177" s="3" t="s">
        <v>942</v>
      </c>
      <c r="J177" s="3" t="s">
        <v>1192</v>
      </c>
      <c r="K177" s="3" t="s">
        <v>32</v>
      </c>
      <c r="L177" s="3" t="s">
        <v>33</v>
      </c>
      <c r="M177" s="3" t="s">
        <v>938</v>
      </c>
      <c r="N177" s="3" t="s">
        <v>190</v>
      </c>
      <c r="O177" s="3" t="s">
        <v>158</v>
      </c>
      <c r="P177" s="3" t="s">
        <v>37</v>
      </c>
      <c r="Q177" s="3" t="s">
        <v>37</v>
      </c>
      <c r="R177" s="3" t="s">
        <v>39</v>
      </c>
      <c r="S177" s="3" t="s">
        <v>1193</v>
      </c>
      <c r="T177" s="3" t="s">
        <v>37</v>
      </c>
      <c r="U177" s="3" t="s">
        <v>37</v>
      </c>
      <c r="V177" s="3" t="s">
        <v>37</v>
      </c>
    </row>
    <row r="178" spans="1:22" x14ac:dyDescent="0.25">
      <c r="A178" s="3" t="s">
        <v>911</v>
      </c>
      <c r="B178" s="4" t="s">
        <v>553</v>
      </c>
      <c r="C178" s="3" t="s">
        <v>554</v>
      </c>
      <c r="D178" s="5" t="s">
        <v>1288</v>
      </c>
      <c r="E178" s="3" t="s">
        <v>934</v>
      </c>
      <c r="F178" s="3" t="s">
        <v>1236</v>
      </c>
      <c r="G178" s="3" t="s">
        <v>87</v>
      </c>
      <c r="H178" s="3" t="s">
        <v>29</v>
      </c>
      <c r="I178" s="3" t="s">
        <v>936</v>
      </c>
      <c r="J178" s="3" t="s">
        <v>1237</v>
      </c>
      <c r="K178" s="3" t="s">
        <v>32</v>
      </c>
      <c r="L178" s="3" t="s">
        <v>33</v>
      </c>
      <c r="M178" s="3" t="s">
        <v>938</v>
      </c>
      <c r="N178" s="3" t="s">
        <v>190</v>
      </c>
      <c r="O178" s="3" t="s">
        <v>158</v>
      </c>
      <c r="P178" s="3" t="s">
        <v>37</v>
      </c>
      <c r="Q178" s="3" t="s">
        <v>37</v>
      </c>
      <c r="R178" s="3" t="s">
        <v>39</v>
      </c>
      <c r="S178" s="3" t="s">
        <v>1238</v>
      </c>
      <c r="T178" s="3" t="s">
        <v>37</v>
      </c>
      <c r="U178" s="3" t="s">
        <v>37</v>
      </c>
      <c r="V178" s="3" t="s">
        <v>37</v>
      </c>
    </row>
    <row r="179" spans="1:22" x14ac:dyDescent="0.25">
      <c r="A179" s="3" t="s">
        <v>911</v>
      </c>
      <c r="B179" s="4" t="s">
        <v>553</v>
      </c>
      <c r="C179" s="3" t="s">
        <v>554</v>
      </c>
      <c r="D179" s="5" t="s">
        <v>1289</v>
      </c>
      <c r="E179" s="3" t="s">
        <v>934</v>
      </c>
      <c r="F179" s="3" t="s">
        <v>1239</v>
      </c>
      <c r="G179" s="3" t="s">
        <v>295</v>
      </c>
      <c r="H179" s="3" t="s">
        <v>29</v>
      </c>
      <c r="I179" s="3" t="s">
        <v>936</v>
      </c>
      <c r="J179" s="3" t="s">
        <v>1240</v>
      </c>
      <c r="K179" s="3" t="s">
        <v>32</v>
      </c>
      <c r="L179" s="3" t="s">
        <v>33</v>
      </c>
      <c r="M179" s="3" t="s">
        <v>938</v>
      </c>
      <c r="N179" s="3" t="s">
        <v>190</v>
      </c>
      <c r="O179" s="3" t="s">
        <v>158</v>
      </c>
      <c r="P179" s="3" t="s">
        <v>37</v>
      </c>
      <c r="Q179" s="3" t="s">
        <v>37</v>
      </c>
      <c r="R179" s="3" t="s">
        <v>39</v>
      </c>
      <c r="S179" s="3" t="s">
        <v>1241</v>
      </c>
      <c r="T179" s="3" t="s">
        <v>37</v>
      </c>
      <c r="U179" s="3" t="s">
        <v>37</v>
      </c>
      <c r="V179" s="3" t="s">
        <v>37</v>
      </c>
    </row>
    <row r="180" spans="1:22" x14ac:dyDescent="0.25">
      <c r="A180" s="3" t="s">
        <v>911</v>
      </c>
      <c r="B180" s="4" t="s">
        <v>553</v>
      </c>
      <c r="C180" s="3" t="s">
        <v>554</v>
      </c>
      <c r="D180" s="5" t="s">
        <v>1047</v>
      </c>
      <c r="E180" s="3" t="s">
        <v>956</v>
      </c>
      <c r="F180" s="3" t="s">
        <v>1262</v>
      </c>
      <c r="G180" s="3" t="s">
        <v>425</v>
      </c>
      <c r="H180" s="3" t="s">
        <v>87</v>
      </c>
      <c r="I180" s="3" t="s">
        <v>37</v>
      </c>
      <c r="J180" s="3" t="s">
        <v>1263</v>
      </c>
      <c r="K180" s="3" t="s">
        <v>32</v>
      </c>
      <c r="L180" s="3" t="s">
        <v>33</v>
      </c>
      <c r="M180" s="3" t="s">
        <v>68</v>
      </c>
      <c r="N180" s="3" t="s">
        <v>190</v>
      </c>
      <c r="O180" s="3" t="s">
        <v>37</v>
      </c>
      <c r="P180" s="3" t="s">
        <v>37</v>
      </c>
      <c r="Q180" s="3" t="s">
        <v>37</v>
      </c>
      <c r="R180" s="3" t="s">
        <v>39</v>
      </c>
      <c r="S180" s="3" t="s">
        <v>1347</v>
      </c>
      <c r="T180" s="3" t="s">
        <v>37</v>
      </c>
      <c r="U180" s="3" t="s">
        <v>37</v>
      </c>
      <c r="V180" s="3" t="s">
        <v>37</v>
      </c>
    </row>
    <row r="181" spans="1:22" x14ac:dyDescent="0.25">
      <c r="A181" s="3" t="s">
        <v>911</v>
      </c>
      <c r="B181" s="4" t="s">
        <v>553</v>
      </c>
      <c r="C181" s="3" t="s">
        <v>554</v>
      </c>
      <c r="D181" s="5" t="s">
        <v>1290</v>
      </c>
      <c r="E181" s="3" t="s">
        <v>956</v>
      </c>
      <c r="F181" s="3" t="s">
        <v>1262</v>
      </c>
      <c r="G181" s="3" t="s">
        <v>356</v>
      </c>
      <c r="H181" s="3" t="s">
        <v>87</v>
      </c>
      <c r="I181" s="3" t="s">
        <v>37</v>
      </c>
      <c r="J181" s="3" t="s">
        <v>1263</v>
      </c>
      <c r="K181" s="3" t="s">
        <v>32</v>
      </c>
      <c r="L181" s="3" t="s">
        <v>33</v>
      </c>
      <c r="M181" s="3" t="s">
        <v>68</v>
      </c>
      <c r="N181" s="3" t="s">
        <v>190</v>
      </c>
      <c r="O181" s="3" t="s">
        <v>37</v>
      </c>
      <c r="P181" s="3" t="s">
        <v>37</v>
      </c>
      <c r="Q181" s="3" t="s">
        <v>37</v>
      </c>
      <c r="R181" s="3" t="s">
        <v>39</v>
      </c>
      <c r="S181" s="3" t="s">
        <v>1264</v>
      </c>
      <c r="T181" s="3" t="s">
        <v>37</v>
      </c>
      <c r="U181" s="3" t="s">
        <v>37</v>
      </c>
      <c r="V181" s="3" t="s">
        <v>37</v>
      </c>
    </row>
    <row r="182" spans="1:22" x14ac:dyDescent="0.25">
      <c r="A182" s="3" t="s">
        <v>911</v>
      </c>
      <c r="B182" s="4" t="s">
        <v>553</v>
      </c>
      <c r="C182" s="3" t="s">
        <v>554</v>
      </c>
      <c r="D182" s="5" t="s">
        <v>219</v>
      </c>
      <c r="E182" s="3" t="s">
        <v>1266</v>
      </c>
      <c r="F182" s="3" t="s">
        <v>1348</v>
      </c>
      <c r="G182" s="3" t="s">
        <v>87</v>
      </c>
      <c r="H182" s="3" t="s">
        <v>29</v>
      </c>
      <c r="I182" s="3" t="s">
        <v>37</v>
      </c>
      <c r="J182" s="3" t="s">
        <v>1268</v>
      </c>
      <c r="K182" s="3" t="s">
        <v>32</v>
      </c>
      <c r="L182" s="3" t="s">
        <v>33</v>
      </c>
      <c r="M182" s="3" t="s">
        <v>68</v>
      </c>
      <c r="N182" s="3" t="s">
        <v>190</v>
      </c>
      <c r="O182" s="3" t="s">
        <v>37</v>
      </c>
      <c r="P182" s="3" t="s">
        <v>37</v>
      </c>
      <c r="Q182" s="3" t="s">
        <v>37</v>
      </c>
      <c r="R182" s="3" t="s">
        <v>39</v>
      </c>
      <c r="S182" s="3" t="s">
        <v>1349</v>
      </c>
      <c r="T182" s="3" t="s">
        <v>37</v>
      </c>
      <c r="U182" s="3" t="s">
        <v>37</v>
      </c>
      <c r="V182" s="3" t="s">
        <v>37</v>
      </c>
    </row>
    <row r="183" spans="1:22" x14ac:dyDescent="0.25">
      <c r="A183" s="3" t="s">
        <v>911</v>
      </c>
      <c r="B183" s="4" t="s">
        <v>553</v>
      </c>
      <c r="C183" s="3" t="s">
        <v>554</v>
      </c>
      <c r="D183" s="5" t="s">
        <v>390</v>
      </c>
      <c r="E183" s="3" t="s">
        <v>996</v>
      </c>
      <c r="F183" s="3" t="s">
        <v>1350</v>
      </c>
      <c r="G183" s="3" t="s">
        <v>176</v>
      </c>
      <c r="H183" s="3" t="s">
        <v>59</v>
      </c>
      <c r="I183" s="3" t="s">
        <v>37</v>
      </c>
      <c r="J183" s="3" t="s">
        <v>1351</v>
      </c>
      <c r="K183" s="3" t="s">
        <v>32</v>
      </c>
      <c r="L183" s="3" t="s">
        <v>33</v>
      </c>
      <c r="M183" s="3" t="s">
        <v>68</v>
      </c>
      <c r="N183" s="3" t="s">
        <v>69</v>
      </c>
      <c r="O183" s="3" t="s">
        <v>223</v>
      </c>
      <c r="P183" s="3" t="s">
        <v>37</v>
      </c>
      <c r="Q183" s="3" t="s">
        <v>37</v>
      </c>
      <c r="R183" s="3" t="s">
        <v>39</v>
      </c>
      <c r="S183" s="3" t="s">
        <v>1352</v>
      </c>
      <c r="T183" s="3" t="s">
        <v>37</v>
      </c>
      <c r="U183" s="3" t="s">
        <v>37</v>
      </c>
      <c r="V183" s="3" t="s">
        <v>37</v>
      </c>
    </row>
    <row r="184" spans="1:22" x14ac:dyDescent="0.25">
      <c r="A184" s="3" t="s">
        <v>911</v>
      </c>
      <c r="B184" s="4" t="s">
        <v>553</v>
      </c>
      <c r="C184" s="3" t="s">
        <v>554</v>
      </c>
      <c r="D184" s="5" t="s">
        <v>230</v>
      </c>
      <c r="E184" s="3" t="s">
        <v>521</v>
      </c>
      <c r="F184" s="3" t="s">
        <v>1353</v>
      </c>
      <c r="G184" s="3" t="s">
        <v>487</v>
      </c>
      <c r="H184" s="3" t="s">
        <v>87</v>
      </c>
      <c r="I184" s="3" t="s">
        <v>523</v>
      </c>
      <c r="J184" s="3" t="s">
        <v>1354</v>
      </c>
      <c r="K184" s="3" t="s">
        <v>32</v>
      </c>
      <c r="L184" s="3" t="s">
        <v>33</v>
      </c>
      <c r="M184" s="3" t="s">
        <v>34</v>
      </c>
      <c r="N184" s="3" t="s">
        <v>190</v>
      </c>
      <c r="O184" s="3" t="s">
        <v>223</v>
      </c>
      <c r="P184" s="3" t="s">
        <v>37</v>
      </c>
      <c r="Q184" s="3" t="s">
        <v>37</v>
      </c>
      <c r="R184" s="3" t="s">
        <v>39</v>
      </c>
      <c r="S184" s="3" t="s">
        <v>1355</v>
      </c>
      <c r="T184" s="3" t="s">
        <v>37</v>
      </c>
      <c r="U184" s="3" t="s">
        <v>37</v>
      </c>
      <c r="V184" s="3" t="s">
        <v>37</v>
      </c>
    </row>
    <row r="185" spans="1:22" x14ac:dyDescent="0.25">
      <c r="A185" s="3" t="s">
        <v>911</v>
      </c>
      <c r="B185" s="4" t="s">
        <v>553</v>
      </c>
      <c r="C185" s="3" t="s">
        <v>554</v>
      </c>
      <c r="D185" s="5" t="s">
        <v>1057</v>
      </c>
      <c r="E185" s="3" t="s">
        <v>1026</v>
      </c>
      <c r="F185" s="3" t="s">
        <v>1356</v>
      </c>
      <c r="G185" s="3" t="s">
        <v>613</v>
      </c>
      <c r="H185" s="3" t="s">
        <v>87</v>
      </c>
      <c r="I185" s="3" t="s">
        <v>37</v>
      </c>
      <c r="J185" s="3" t="s">
        <v>1357</v>
      </c>
      <c r="K185" s="3" t="s">
        <v>32</v>
      </c>
      <c r="L185" s="3" t="s">
        <v>33</v>
      </c>
      <c r="M185" s="3" t="s">
        <v>68</v>
      </c>
      <c r="N185" s="3" t="s">
        <v>69</v>
      </c>
      <c r="O185" s="3" t="s">
        <v>53</v>
      </c>
      <c r="P185" s="3" t="s">
        <v>37</v>
      </c>
      <c r="Q185" s="3" t="s">
        <v>37</v>
      </c>
      <c r="R185" s="3" t="s">
        <v>39</v>
      </c>
      <c r="S185" s="3" t="s">
        <v>1358</v>
      </c>
      <c r="T185" s="3" t="s">
        <v>37</v>
      </c>
      <c r="U185" s="3" t="s">
        <v>37</v>
      </c>
      <c r="V185" s="3" t="s">
        <v>37</v>
      </c>
    </row>
    <row r="186" spans="1:22" x14ac:dyDescent="0.25">
      <c r="A186" s="3" t="s">
        <v>911</v>
      </c>
      <c r="B186" s="4" t="s">
        <v>553</v>
      </c>
      <c r="C186" s="3" t="s">
        <v>554</v>
      </c>
      <c r="D186" s="5" t="s">
        <v>239</v>
      </c>
      <c r="E186" s="3" t="s">
        <v>1031</v>
      </c>
      <c r="F186" s="3" t="s">
        <v>1359</v>
      </c>
      <c r="G186" s="3" t="s">
        <v>475</v>
      </c>
      <c r="H186" s="3" t="s">
        <v>87</v>
      </c>
      <c r="I186" s="3" t="s">
        <v>1033</v>
      </c>
      <c r="J186" s="3" t="s">
        <v>1360</v>
      </c>
      <c r="K186" s="3" t="s">
        <v>32</v>
      </c>
      <c r="L186" s="3" t="s">
        <v>33</v>
      </c>
      <c r="M186" s="3" t="s">
        <v>68</v>
      </c>
      <c r="N186" s="3" t="s">
        <v>52</v>
      </c>
      <c r="O186" s="3" t="s">
        <v>36</v>
      </c>
      <c r="P186" s="3" t="s">
        <v>37</v>
      </c>
      <c r="Q186" s="3" t="s">
        <v>37</v>
      </c>
      <c r="R186" s="3" t="s">
        <v>39</v>
      </c>
      <c r="S186" s="3" t="s">
        <v>1361</v>
      </c>
      <c r="T186" s="3" t="s">
        <v>37</v>
      </c>
      <c r="U186" s="3" t="s">
        <v>37</v>
      </c>
      <c r="V186" s="3" t="s">
        <v>37</v>
      </c>
    </row>
    <row r="187" spans="1:22" x14ac:dyDescent="0.25">
      <c r="A187" s="3" t="s">
        <v>911</v>
      </c>
      <c r="B187" s="4" t="s">
        <v>553</v>
      </c>
      <c r="C187" s="3" t="s">
        <v>554</v>
      </c>
      <c r="D187" s="5" t="s">
        <v>1064</v>
      </c>
      <c r="E187" s="3" t="s">
        <v>923</v>
      </c>
      <c r="F187" s="3" t="s">
        <v>1061</v>
      </c>
      <c r="G187" s="3" t="s">
        <v>59</v>
      </c>
      <c r="H187" s="3" t="s">
        <v>29</v>
      </c>
      <c r="I187" s="3" t="s">
        <v>925</v>
      </c>
      <c r="J187" s="3" t="s">
        <v>1062</v>
      </c>
      <c r="K187" s="3" t="s">
        <v>32</v>
      </c>
      <c r="L187" s="3" t="s">
        <v>33</v>
      </c>
      <c r="M187" s="3" t="s">
        <v>34</v>
      </c>
      <c r="N187" s="3" t="s">
        <v>69</v>
      </c>
      <c r="O187" s="3" t="s">
        <v>53</v>
      </c>
      <c r="P187" s="3" t="s">
        <v>37</v>
      </c>
      <c r="Q187" s="3" t="s">
        <v>37</v>
      </c>
      <c r="R187" s="3" t="s">
        <v>39</v>
      </c>
      <c r="S187" s="3" t="s">
        <v>1063</v>
      </c>
      <c r="T187" s="3" t="s">
        <v>37</v>
      </c>
      <c r="U187" s="3" t="s">
        <v>37</v>
      </c>
      <c r="V187" s="3" t="s">
        <v>37</v>
      </c>
    </row>
    <row r="188" spans="1:22" x14ac:dyDescent="0.25">
      <c r="A188" s="3"/>
      <c r="B188" s="4"/>
      <c r="C188" s="3"/>
      <c r="D188" s="5"/>
      <c r="E188" s="6" t="s">
        <v>1065</v>
      </c>
      <c r="F188" s="3"/>
      <c r="G188" s="3"/>
      <c r="H188" s="3"/>
      <c r="I188" s="3"/>
      <c r="J188" s="3"/>
      <c r="K188" s="3"/>
      <c r="L188" s="3"/>
      <c r="M188" s="3"/>
      <c r="N188" s="3"/>
      <c r="O188" s="3"/>
      <c r="P188" s="3"/>
      <c r="Q188" s="3"/>
      <c r="R188" s="3"/>
      <c r="S188" s="3"/>
      <c r="T188" s="3"/>
      <c r="U188" s="3"/>
      <c r="V188" s="3"/>
    </row>
    <row r="189" spans="1:22" x14ac:dyDescent="0.25">
      <c r="A189" s="3"/>
      <c r="B189" s="4"/>
      <c r="C189" s="3"/>
      <c r="D189" s="5"/>
      <c r="E189" s="3"/>
      <c r="F189" s="3"/>
      <c r="G189" s="3"/>
      <c r="H189" s="3"/>
      <c r="I189" s="3"/>
      <c r="J189" s="3"/>
      <c r="K189" s="3"/>
      <c r="L189" s="3"/>
      <c r="M189" s="3"/>
      <c r="N189" s="3"/>
      <c r="O189" s="3"/>
      <c r="P189" s="3"/>
      <c r="Q189" s="3"/>
      <c r="R189" s="3"/>
      <c r="S189" s="3"/>
      <c r="T189" s="3"/>
      <c r="U189" s="3"/>
      <c r="V189" s="3"/>
    </row>
    <row r="190" spans="1:22" x14ac:dyDescent="0.25">
      <c r="A190" s="3" t="s">
        <v>911</v>
      </c>
      <c r="B190" s="4" t="s">
        <v>654</v>
      </c>
      <c r="C190" s="3" t="s">
        <v>655</v>
      </c>
      <c r="D190" s="5" t="s">
        <v>25</v>
      </c>
      <c r="E190" s="3" t="s">
        <v>912</v>
      </c>
      <c r="F190" s="3" t="s">
        <v>1365</v>
      </c>
      <c r="G190" s="3" t="s">
        <v>280</v>
      </c>
      <c r="H190" s="3" t="s">
        <v>29</v>
      </c>
      <c r="I190" s="3" t="s">
        <v>920</v>
      </c>
      <c r="J190" s="3" t="s">
        <v>1366</v>
      </c>
      <c r="K190" s="3" t="s">
        <v>32</v>
      </c>
      <c r="L190" s="3" t="s">
        <v>33</v>
      </c>
      <c r="M190" s="3" t="s">
        <v>68</v>
      </c>
      <c r="N190" s="3" t="s">
        <v>916</v>
      </c>
      <c r="O190" s="3" t="s">
        <v>223</v>
      </c>
      <c r="P190" s="3" t="s">
        <v>37</v>
      </c>
      <c r="Q190" s="3" t="s">
        <v>37</v>
      </c>
      <c r="R190" s="3" t="s">
        <v>39</v>
      </c>
      <c r="S190" s="3" t="s">
        <v>1367</v>
      </c>
      <c r="T190" s="3" t="s">
        <v>37</v>
      </c>
      <c r="U190" s="3" t="s">
        <v>37</v>
      </c>
      <c r="V190" s="3" t="s">
        <v>37</v>
      </c>
    </row>
    <row r="191" spans="1:22" x14ac:dyDescent="0.25">
      <c r="A191" s="3" t="s">
        <v>911</v>
      </c>
      <c r="B191" s="4" t="s">
        <v>654</v>
      </c>
      <c r="C191" s="3" t="s">
        <v>655</v>
      </c>
      <c r="D191" s="5" t="s">
        <v>918</v>
      </c>
      <c r="E191" s="3" t="s">
        <v>912</v>
      </c>
      <c r="F191" s="3" t="s">
        <v>1368</v>
      </c>
      <c r="G191" s="3" t="s">
        <v>140</v>
      </c>
      <c r="H191" s="3" t="s">
        <v>29</v>
      </c>
      <c r="I191" s="3" t="s">
        <v>920</v>
      </c>
      <c r="J191" s="3" t="s">
        <v>1369</v>
      </c>
      <c r="K191" s="3" t="s">
        <v>32</v>
      </c>
      <c r="L191" s="3" t="s">
        <v>33</v>
      </c>
      <c r="M191" s="3" t="s">
        <v>68</v>
      </c>
      <c r="N191" s="3" t="s">
        <v>916</v>
      </c>
      <c r="O191" s="3" t="s">
        <v>223</v>
      </c>
      <c r="P191" s="3" t="s">
        <v>37</v>
      </c>
      <c r="Q191" s="3" t="s">
        <v>37</v>
      </c>
      <c r="R191" s="3" t="s">
        <v>39</v>
      </c>
      <c r="S191" s="3" t="s">
        <v>1370</v>
      </c>
      <c r="T191" s="3" t="s">
        <v>37</v>
      </c>
      <c r="U191" s="3" t="s">
        <v>37</v>
      </c>
      <c r="V191" s="3" t="s">
        <v>37</v>
      </c>
    </row>
    <row r="192" spans="1:22" x14ac:dyDescent="0.25">
      <c r="A192" s="3" t="s">
        <v>911</v>
      </c>
      <c r="B192" s="4" t="s">
        <v>654</v>
      </c>
      <c r="C192" s="3" t="s">
        <v>655</v>
      </c>
      <c r="D192" s="5" t="s">
        <v>46</v>
      </c>
      <c r="E192" s="3" t="s">
        <v>934</v>
      </c>
      <c r="F192" s="3" t="s">
        <v>1341</v>
      </c>
      <c r="G192" s="3" t="s">
        <v>74</v>
      </c>
      <c r="H192" s="3" t="s">
        <v>29</v>
      </c>
      <c r="I192" s="3" t="s">
        <v>936</v>
      </c>
      <c r="J192" s="8" t="s">
        <v>937</v>
      </c>
      <c r="K192" s="3" t="s">
        <v>32</v>
      </c>
      <c r="L192" s="3" t="s">
        <v>33</v>
      </c>
      <c r="M192" s="3" t="s">
        <v>938</v>
      </c>
      <c r="N192" s="3" t="s">
        <v>190</v>
      </c>
      <c r="O192" s="3" t="s">
        <v>158</v>
      </c>
      <c r="P192" s="3" t="s">
        <v>37</v>
      </c>
      <c r="Q192" s="3" t="s">
        <v>37</v>
      </c>
      <c r="R192" s="3" t="s">
        <v>39</v>
      </c>
      <c r="S192" s="3" t="s">
        <v>1342</v>
      </c>
      <c r="T192" s="3" t="s">
        <v>37</v>
      </c>
      <c r="U192" s="3" t="s">
        <v>37</v>
      </c>
      <c r="V192" s="3" t="s">
        <v>37</v>
      </c>
    </row>
    <row r="193" spans="1:22" x14ac:dyDescent="0.25">
      <c r="A193" s="3" t="s">
        <v>911</v>
      </c>
      <c r="B193" s="4" t="s">
        <v>654</v>
      </c>
      <c r="C193" s="3" t="s">
        <v>655</v>
      </c>
      <c r="D193" s="5" t="s">
        <v>1179</v>
      </c>
      <c r="E193" s="3" t="s">
        <v>934</v>
      </c>
      <c r="F193" s="3" t="s">
        <v>1246</v>
      </c>
      <c r="G193" s="3" t="s">
        <v>151</v>
      </c>
      <c r="H193" s="3" t="s">
        <v>29</v>
      </c>
      <c r="I193" s="3" t="s">
        <v>936</v>
      </c>
      <c r="J193" s="8" t="s">
        <v>937</v>
      </c>
      <c r="K193" s="3" t="s">
        <v>32</v>
      </c>
      <c r="L193" s="3" t="s">
        <v>33</v>
      </c>
      <c r="M193" s="3" t="s">
        <v>938</v>
      </c>
      <c r="N193" s="3" t="s">
        <v>190</v>
      </c>
      <c r="O193" s="3" t="s">
        <v>158</v>
      </c>
      <c r="P193" s="3" t="s">
        <v>37</v>
      </c>
      <c r="Q193" s="3" t="s">
        <v>37</v>
      </c>
      <c r="R193" s="3" t="s">
        <v>39</v>
      </c>
      <c r="S193" s="3" t="s">
        <v>1247</v>
      </c>
      <c r="T193" s="3" t="s">
        <v>37</v>
      </c>
      <c r="U193" s="3" t="s">
        <v>37</v>
      </c>
      <c r="V193" s="3" t="s">
        <v>37</v>
      </c>
    </row>
    <row r="194" spans="1:22" x14ac:dyDescent="0.25">
      <c r="A194" s="3" t="s">
        <v>911</v>
      </c>
      <c r="B194" s="4" t="s">
        <v>654</v>
      </c>
      <c r="C194" s="3" t="s">
        <v>655</v>
      </c>
      <c r="D194" s="5" t="s">
        <v>1182</v>
      </c>
      <c r="E194" s="3" t="s">
        <v>934</v>
      </c>
      <c r="F194" s="3" t="s">
        <v>935</v>
      </c>
      <c r="G194" s="3" t="s">
        <v>280</v>
      </c>
      <c r="H194" s="3" t="s">
        <v>29</v>
      </c>
      <c r="I194" s="3" t="s">
        <v>936</v>
      </c>
      <c r="J194" s="8" t="s">
        <v>937</v>
      </c>
      <c r="K194" s="3" t="s">
        <v>32</v>
      </c>
      <c r="L194" s="3" t="s">
        <v>33</v>
      </c>
      <c r="M194" s="3" t="s">
        <v>938</v>
      </c>
      <c r="N194" s="3" t="s">
        <v>190</v>
      </c>
      <c r="O194" s="3" t="s">
        <v>158</v>
      </c>
      <c r="P194" s="3" t="s">
        <v>37</v>
      </c>
      <c r="Q194" s="3" t="s">
        <v>37</v>
      </c>
      <c r="R194" s="3" t="s">
        <v>39</v>
      </c>
      <c r="S194" s="3" t="s">
        <v>939</v>
      </c>
      <c r="T194" s="3" t="s">
        <v>37</v>
      </c>
      <c r="U194" s="3" t="s">
        <v>37</v>
      </c>
      <c r="V194" s="3" t="s">
        <v>37</v>
      </c>
    </row>
    <row r="195" spans="1:22" x14ac:dyDescent="0.25">
      <c r="A195" s="3" t="s">
        <v>911</v>
      </c>
      <c r="B195" s="4" t="s">
        <v>654</v>
      </c>
      <c r="C195" s="3" t="s">
        <v>655</v>
      </c>
      <c r="D195" s="5" t="s">
        <v>928</v>
      </c>
      <c r="E195" s="3" t="s">
        <v>934</v>
      </c>
      <c r="F195" s="3" t="s">
        <v>941</v>
      </c>
      <c r="G195" s="3" t="s">
        <v>140</v>
      </c>
      <c r="H195" s="3" t="s">
        <v>29</v>
      </c>
      <c r="I195" s="3" t="s">
        <v>936</v>
      </c>
      <c r="J195" s="8" t="s">
        <v>937</v>
      </c>
      <c r="K195" s="3" t="s">
        <v>32</v>
      </c>
      <c r="L195" s="3" t="s">
        <v>33</v>
      </c>
      <c r="M195" s="3" t="s">
        <v>938</v>
      </c>
      <c r="N195" s="3" t="s">
        <v>190</v>
      </c>
      <c r="O195" s="3" t="s">
        <v>158</v>
      </c>
      <c r="P195" s="3" t="s">
        <v>37</v>
      </c>
      <c r="Q195" s="3" t="s">
        <v>37</v>
      </c>
      <c r="R195" s="3" t="s">
        <v>39</v>
      </c>
      <c r="S195" s="3" t="s">
        <v>943</v>
      </c>
      <c r="T195" s="3" t="s">
        <v>37</v>
      </c>
      <c r="U195" s="3" t="s">
        <v>37</v>
      </c>
      <c r="V195" s="3" t="s">
        <v>37</v>
      </c>
    </row>
    <row r="196" spans="1:22" x14ac:dyDescent="0.25">
      <c r="A196" s="3" t="s">
        <v>911</v>
      </c>
      <c r="B196" s="4" t="s">
        <v>654</v>
      </c>
      <c r="C196" s="3" t="s">
        <v>655</v>
      </c>
      <c r="D196" s="5" t="s">
        <v>1187</v>
      </c>
      <c r="E196" s="3" t="s">
        <v>934</v>
      </c>
      <c r="F196" s="3" t="s">
        <v>944</v>
      </c>
      <c r="G196" s="3" t="s">
        <v>439</v>
      </c>
      <c r="H196" s="3" t="s">
        <v>29</v>
      </c>
      <c r="I196" s="3" t="s">
        <v>936</v>
      </c>
      <c r="J196" s="8" t="s">
        <v>937</v>
      </c>
      <c r="K196" s="3" t="s">
        <v>32</v>
      </c>
      <c r="L196" s="3" t="s">
        <v>33</v>
      </c>
      <c r="M196" s="3" t="s">
        <v>938</v>
      </c>
      <c r="N196" s="3" t="s">
        <v>190</v>
      </c>
      <c r="O196" s="3" t="s">
        <v>158</v>
      </c>
      <c r="P196" s="3" t="s">
        <v>37</v>
      </c>
      <c r="Q196" s="3" t="s">
        <v>37</v>
      </c>
      <c r="R196" s="3" t="s">
        <v>39</v>
      </c>
      <c r="S196" s="3" t="s">
        <v>945</v>
      </c>
      <c r="T196" s="3" t="s">
        <v>37</v>
      </c>
      <c r="U196" s="3" t="s">
        <v>37</v>
      </c>
      <c r="V196" s="3" t="s">
        <v>37</v>
      </c>
    </row>
    <row r="197" spans="1:22" x14ac:dyDescent="0.25">
      <c r="A197" s="3" t="s">
        <v>911</v>
      </c>
      <c r="B197" s="4" t="s">
        <v>654</v>
      </c>
      <c r="C197" s="3" t="s">
        <v>655</v>
      </c>
      <c r="D197" s="5" t="s">
        <v>663</v>
      </c>
      <c r="E197" s="3" t="s">
        <v>934</v>
      </c>
      <c r="F197" s="3" t="s">
        <v>947</v>
      </c>
      <c r="G197" s="3" t="s">
        <v>563</v>
      </c>
      <c r="H197" s="3" t="s">
        <v>29</v>
      </c>
      <c r="I197" s="3" t="s">
        <v>936</v>
      </c>
      <c r="J197" s="8" t="s">
        <v>937</v>
      </c>
      <c r="K197" s="3" t="s">
        <v>32</v>
      </c>
      <c r="L197" s="3" t="s">
        <v>33</v>
      </c>
      <c r="M197" s="3" t="s">
        <v>938</v>
      </c>
      <c r="N197" s="3" t="s">
        <v>190</v>
      </c>
      <c r="O197" s="3" t="s">
        <v>158</v>
      </c>
      <c r="P197" s="3" t="s">
        <v>37</v>
      </c>
      <c r="Q197" s="3" t="s">
        <v>37</v>
      </c>
      <c r="R197" s="3" t="s">
        <v>39</v>
      </c>
      <c r="S197" s="3" t="s">
        <v>948</v>
      </c>
      <c r="T197" s="3" t="s">
        <v>37</v>
      </c>
      <c r="U197" s="3" t="s">
        <v>37</v>
      </c>
      <c r="V197" s="3" t="s">
        <v>37</v>
      </c>
    </row>
    <row r="198" spans="1:22" x14ac:dyDescent="0.25">
      <c r="A198" s="3" t="s">
        <v>911</v>
      </c>
      <c r="B198" s="4" t="s">
        <v>654</v>
      </c>
      <c r="C198" s="3" t="s">
        <v>655</v>
      </c>
      <c r="D198" s="5" t="s">
        <v>933</v>
      </c>
      <c r="E198" s="3" t="s">
        <v>521</v>
      </c>
      <c r="F198" s="3" t="s">
        <v>1371</v>
      </c>
      <c r="G198" s="3" t="s">
        <v>58</v>
      </c>
      <c r="H198" s="3" t="s">
        <v>59</v>
      </c>
      <c r="I198" s="3" t="s">
        <v>523</v>
      </c>
      <c r="J198" s="3" t="s">
        <v>1372</v>
      </c>
      <c r="K198" s="3" t="s">
        <v>32</v>
      </c>
      <c r="L198" s="3" t="s">
        <v>37</v>
      </c>
      <c r="M198" s="3" t="s">
        <v>34</v>
      </c>
      <c r="N198" s="3" t="s">
        <v>77</v>
      </c>
      <c r="O198" s="3" t="s">
        <v>223</v>
      </c>
      <c r="P198" s="3" t="s">
        <v>37</v>
      </c>
      <c r="Q198" s="3" t="s">
        <v>37</v>
      </c>
      <c r="R198" s="3" t="s">
        <v>39</v>
      </c>
      <c r="S198" s="3" t="s">
        <v>1373</v>
      </c>
      <c r="T198" s="3" t="s">
        <v>37</v>
      </c>
      <c r="U198" s="3" t="s">
        <v>37</v>
      </c>
      <c r="V198" s="3" t="s">
        <v>37</v>
      </c>
    </row>
    <row r="199" spans="1:22" x14ac:dyDescent="0.25">
      <c r="A199" s="3" t="s">
        <v>911</v>
      </c>
      <c r="B199" s="4" t="s">
        <v>654</v>
      </c>
      <c r="C199" s="3" t="s">
        <v>655</v>
      </c>
      <c r="D199" s="5" t="s">
        <v>946</v>
      </c>
      <c r="E199" s="3" t="s">
        <v>521</v>
      </c>
      <c r="F199" s="3" t="s">
        <v>1274</v>
      </c>
      <c r="G199" s="3" t="s">
        <v>481</v>
      </c>
      <c r="H199" s="3" t="s">
        <v>87</v>
      </c>
      <c r="I199" s="3" t="s">
        <v>523</v>
      </c>
      <c r="J199" s="3" t="s">
        <v>1275</v>
      </c>
      <c r="K199" s="3" t="s">
        <v>32</v>
      </c>
      <c r="L199" s="3" t="s">
        <v>33</v>
      </c>
      <c r="M199" s="3" t="s">
        <v>34</v>
      </c>
      <c r="N199" s="3" t="s">
        <v>190</v>
      </c>
      <c r="O199" s="3" t="s">
        <v>223</v>
      </c>
      <c r="P199" s="3" t="s">
        <v>37</v>
      </c>
      <c r="Q199" s="3" t="s">
        <v>37</v>
      </c>
      <c r="R199" s="3" t="s">
        <v>39</v>
      </c>
      <c r="S199" s="3" t="s">
        <v>1276</v>
      </c>
      <c r="T199" s="3" t="s">
        <v>37</v>
      </c>
      <c r="U199" s="3" t="s">
        <v>37</v>
      </c>
      <c r="V199" s="3" t="s">
        <v>37</v>
      </c>
    </row>
    <row r="200" spans="1:22" x14ac:dyDescent="0.25">
      <c r="A200" s="3" t="s">
        <v>911</v>
      </c>
      <c r="B200" s="4" t="s">
        <v>654</v>
      </c>
      <c r="C200" s="3" t="s">
        <v>655</v>
      </c>
      <c r="D200" s="5" t="s">
        <v>955</v>
      </c>
      <c r="E200" s="3" t="s">
        <v>929</v>
      </c>
      <c r="F200" s="3" t="s">
        <v>1374</v>
      </c>
      <c r="G200" s="3" t="s">
        <v>162</v>
      </c>
      <c r="H200" s="3" t="s">
        <v>29</v>
      </c>
      <c r="I200" s="3" t="s">
        <v>37</v>
      </c>
      <c r="J200" s="3" t="s">
        <v>1375</v>
      </c>
      <c r="K200" s="3" t="s">
        <v>32</v>
      </c>
      <c r="L200" s="3" t="s">
        <v>33</v>
      </c>
      <c r="M200" s="3" t="s">
        <v>68</v>
      </c>
      <c r="N200" s="3" t="s">
        <v>69</v>
      </c>
      <c r="O200" s="3" t="s">
        <v>53</v>
      </c>
      <c r="P200" s="3" t="s">
        <v>37</v>
      </c>
      <c r="Q200" s="3" t="s">
        <v>37</v>
      </c>
      <c r="R200" s="3" t="s">
        <v>39</v>
      </c>
      <c r="S200" s="3" t="s">
        <v>1376</v>
      </c>
      <c r="T200" s="3" t="s">
        <v>37</v>
      </c>
      <c r="U200" s="3" t="s">
        <v>37</v>
      </c>
      <c r="V200" s="3" t="s">
        <v>37</v>
      </c>
    </row>
    <row r="201" spans="1:22" x14ac:dyDescent="0.25">
      <c r="A201" s="3" t="s">
        <v>911</v>
      </c>
      <c r="B201" s="4" t="s">
        <v>654</v>
      </c>
      <c r="C201" s="3" t="s">
        <v>655</v>
      </c>
      <c r="D201" s="5" t="s">
        <v>960</v>
      </c>
      <c r="E201" s="3" t="s">
        <v>929</v>
      </c>
      <c r="F201" s="3" t="s">
        <v>930</v>
      </c>
      <c r="G201" s="3" t="s">
        <v>66</v>
      </c>
      <c r="H201" s="3" t="s">
        <v>29</v>
      </c>
      <c r="I201" s="3" t="s">
        <v>37</v>
      </c>
      <c r="J201" s="7" t="s">
        <v>931</v>
      </c>
      <c r="K201" s="3" t="s">
        <v>32</v>
      </c>
      <c r="L201" s="3" t="s">
        <v>33</v>
      </c>
      <c r="M201" s="3" t="s">
        <v>68</v>
      </c>
      <c r="N201" s="3" t="s">
        <v>69</v>
      </c>
      <c r="O201" s="3" t="s">
        <v>53</v>
      </c>
      <c r="P201" s="3" t="s">
        <v>37</v>
      </c>
      <c r="Q201" s="3" t="s">
        <v>37</v>
      </c>
      <c r="R201" s="3" t="s">
        <v>39</v>
      </c>
      <c r="S201" s="3" t="s">
        <v>932</v>
      </c>
      <c r="T201" s="3" t="s">
        <v>37</v>
      </c>
      <c r="U201" s="3" t="s">
        <v>37</v>
      </c>
      <c r="V201" s="3" t="s">
        <v>37</v>
      </c>
    </row>
    <row r="202" spans="1:22" x14ac:dyDescent="0.25">
      <c r="A202" s="3" t="s">
        <v>911</v>
      </c>
      <c r="B202" s="4" t="s">
        <v>654</v>
      </c>
      <c r="C202" s="3" t="s">
        <v>655</v>
      </c>
      <c r="D202" s="5" t="s">
        <v>964</v>
      </c>
      <c r="E202" s="3" t="s">
        <v>1377</v>
      </c>
      <c r="F202" s="3" t="s">
        <v>37</v>
      </c>
      <c r="G202" s="3">
        <v>1</v>
      </c>
      <c r="H202" s="3">
        <v>0</v>
      </c>
      <c r="I202" s="3" t="s">
        <v>1378</v>
      </c>
      <c r="J202" s="3" t="s">
        <v>1379</v>
      </c>
      <c r="K202" s="3" t="s">
        <v>33</v>
      </c>
      <c r="L202" s="3" t="s">
        <v>33</v>
      </c>
      <c r="M202" s="3" t="s">
        <v>68</v>
      </c>
      <c r="N202" s="3" t="s">
        <v>1380</v>
      </c>
      <c r="O202" s="3" t="s">
        <v>1381</v>
      </c>
      <c r="P202" s="3" t="s">
        <v>37</v>
      </c>
      <c r="Q202" s="3" t="s">
        <v>37</v>
      </c>
      <c r="R202" s="3" t="s">
        <v>39</v>
      </c>
      <c r="S202" s="3" t="s">
        <v>1382</v>
      </c>
      <c r="T202" s="3" t="s">
        <v>37</v>
      </c>
      <c r="U202" s="3" t="s">
        <v>37</v>
      </c>
      <c r="V202" s="3" t="s">
        <v>37</v>
      </c>
    </row>
    <row r="203" spans="1:22" x14ac:dyDescent="0.25">
      <c r="A203" s="3" t="s">
        <v>911</v>
      </c>
      <c r="B203" s="4" t="s">
        <v>654</v>
      </c>
      <c r="C203" s="3" t="s">
        <v>655</v>
      </c>
      <c r="D203" s="5" t="s">
        <v>105</v>
      </c>
      <c r="E203" s="3" t="s">
        <v>1383</v>
      </c>
      <c r="F203" s="3" t="s">
        <v>37</v>
      </c>
      <c r="G203" s="3">
        <v>1</v>
      </c>
      <c r="H203" s="3">
        <v>0</v>
      </c>
      <c r="I203" s="3" t="s">
        <v>1384</v>
      </c>
      <c r="J203" s="3" t="s">
        <v>1385</v>
      </c>
      <c r="K203" s="3" t="s">
        <v>1023</v>
      </c>
      <c r="L203" s="3" t="s">
        <v>37</v>
      </c>
      <c r="M203" s="3" t="s">
        <v>68</v>
      </c>
      <c r="N203" s="3" t="s">
        <v>1040</v>
      </c>
      <c r="O203" s="3" t="s">
        <v>551</v>
      </c>
      <c r="P203" s="3" t="s">
        <v>37</v>
      </c>
      <c r="Q203" s="3" t="s">
        <v>37</v>
      </c>
      <c r="R203" s="3" t="s">
        <v>39</v>
      </c>
      <c r="S203" s="3" t="s">
        <v>1386</v>
      </c>
      <c r="T203" s="3" t="s">
        <v>37</v>
      </c>
      <c r="U203" s="3" t="s">
        <v>37</v>
      </c>
      <c r="V203" s="3" t="s">
        <v>37</v>
      </c>
    </row>
    <row r="204" spans="1:22" x14ac:dyDescent="0.25">
      <c r="A204" s="3" t="s">
        <v>911</v>
      </c>
      <c r="B204" s="4" t="s">
        <v>654</v>
      </c>
      <c r="C204" s="3" t="s">
        <v>655</v>
      </c>
      <c r="D204" s="5" t="s">
        <v>979</v>
      </c>
      <c r="E204" s="3" t="s">
        <v>521</v>
      </c>
      <c r="F204" s="3" t="s">
        <v>1387</v>
      </c>
      <c r="G204" s="3" t="s">
        <v>371</v>
      </c>
      <c r="H204" s="3" t="s">
        <v>59</v>
      </c>
      <c r="I204" s="3" t="s">
        <v>523</v>
      </c>
      <c r="J204" s="3" t="s">
        <v>1388</v>
      </c>
      <c r="K204" s="3" t="s">
        <v>32</v>
      </c>
      <c r="L204" s="3" t="s">
        <v>37</v>
      </c>
      <c r="M204" s="3" t="s">
        <v>34</v>
      </c>
      <c r="N204" s="3" t="s">
        <v>77</v>
      </c>
      <c r="O204" s="3" t="s">
        <v>223</v>
      </c>
      <c r="P204" s="3" t="s">
        <v>37</v>
      </c>
      <c r="Q204" s="3" t="s">
        <v>37</v>
      </c>
      <c r="R204" s="3" t="s">
        <v>39</v>
      </c>
      <c r="S204" s="3" t="s">
        <v>1389</v>
      </c>
      <c r="T204" s="3" t="s">
        <v>37</v>
      </c>
      <c r="U204" s="3" t="s">
        <v>37</v>
      </c>
      <c r="V204" s="3" t="s">
        <v>37</v>
      </c>
    </row>
    <row r="205" spans="1:22" x14ac:dyDescent="0.25">
      <c r="A205" s="3" t="s">
        <v>911</v>
      </c>
      <c r="B205" s="4" t="s">
        <v>654</v>
      </c>
      <c r="C205" s="3" t="s">
        <v>655</v>
      </c>
      <c r="D205" s="5" t="s">
        <v>982</v>
      </c>
      <c r="E205" s="3" t="s">
        <v>521</v>
      </c>
      <c r="F205" s="3" t="s">
        <v>1390</v>
      </c>
      <c r="G205" s="3" t="s">
        <v>171</v>
      </c>
      <c r="H205" s="3" t="s">
        <v>59</v>
      </c>
      <c r="I205" s="3" t="s">
        <v>523</v>
      </c>
      <c r="J205" s="3" t="s">
        <v>1391</v>
      </c>
      <c r="K205" s="3" t="s">
        <v>32</v>
      </c>
      <c r="L205" s="3" t="s">
        <v>37</v>
      </c>
      <c r="M205" s="3" t="s">
        <v>34</v>
      </c>
      <c r="N205" s="3" t="s">
        <v>77</v>
      </c>
      <c r="O205" s="3" t="s">
        <v>223</v>
      </c>
      <c r="P205" s="3" t="s">
        <v>37</v>
      </c>
      <c r="Q205" s="3" t="s">
        <v>37</v>
      </c>
      <c r="R205" s="3" t="s">
        <v>39</v>
      </c>
      <c r="S205" s="3" t="s">
        <v>1392</v>
      </c>
      <c r="T205" s="3" t="s">
        <v>37</v>
      </c>
      <c r="U205" s="3" t="s">
        <v>37</v>
      </c>
      <c r="V205" s="3" t="s">
        <v>37</v>
      </c>
    </row>
    <row r="206" spans="1:22" x14ac:dyDescent="0.25">
      <c r="A206" s="3" t="s">
        <v>911</v>
      </c>
      <c r="B206" s="4" t="s">
        <v>654</v>
      </c>
      <c r="C206" s="3" t="s">
        <v>655</v>
      </c>
      <c r="D206" s="5" t="s">
        <v>128</v>
      </c>
      <c r="E206" s="3" t="s">
        <v>965</v>
      </c>
      <c r="F206" s="3" t="s">
        <v>1393</v>
      </c>
      <c r="G206" s="3" t="s">
        <v>66</v>
      </c>
      <c r="H206" s="3" t="s">
        <v>29</v>
      </c>
      <c r="I206" s="3" t="s">
        <v>1230</v>
      </c>
      <c r="J206" s="3" t="s">
        <v>1394</v>
      </c>
      <c r="K206" s="3" t="s">
        <v>32</v>
      </c>
      <c r="L206" s="3" t="s">
        <v>33</v>
      </c>
      <c r="M206" s="3" t="s">
        <v>68</v>
      </c>
      <c r="N206" s="3" t="s">
        <v>69</v>
      </c>
      <c r="O206" s="3" t="s">
        <v>36</v>
      </c>
      <c r="P206" s="3" t="s">
        <v>37</v>
      </c>
      <c r="Q206" s="3" t="s">
        <v>37</v>
      </c>
      <c r="R206" s="3" t="s">
        <v>39</v>
      </c>
      <c r="S206" s="3" t="s">
        <v>1395</v>
      </c>
      <c r="T206" s="3" t="s">
        <v>37</v>
      </c>
      <c r="U206" s="3" t="s">
        <v>37</v>
      </c>
      <c r="V206" s="3" t="s">
        <v>37</v>
      </c>
    </row>
    <row r="207" spans="1:22" x14ac:dyDescent="0.25">
      <c r="A207" s="3" t="s">
        <v>911</v>
      </c>
      <c r="B207" s="4" t="s">
        <v>654</v>
      </c>
      <c r="C207" s="3" t="s">
        <v>655</v>
      </c>
      <c r="D207" s="5" t="s">
        <v>474</v>
      </c>
      <c r="E207" s="3" t="s">
        <v>965</v>
      </c>
      <c r="F207" s="3" t="s">
        <v>1396</v>
      </c>
      <c r="G207" s="3" t="s">
        <v>221</v>
      </c>
      <c r="H207" s="3" t="s">
        <v>29</v>
      </c>
      <c r="I207" s="3" t="s">
        <v>1230</v>
      </c>
      <c r="J207" s="3" t="s">
        <v>1397</v>
      </c>
      <c r="K207" s="3" t="s">
        <v>32</v>
      </c>
      <c r="L207" s="3" t="s">
        <v>33</v>
      </c>
      <c r="M207" s="3" t="s">
        <v>68</v>
      </c>
      <c r="N207" s="3" t="s">
        <v>69</v>
      </c>
      <c r="O207" s="3" t="s">
        <v>36</v>
      </c>
      <c r="P207" s="3" t="s">
        <v>37</v>
      </c>
      <c r="Q207" s="3" t="s">
        <v>37</v>
      </c>
      <c r="R207" s="3" t="s">
        <v>39</v>
      </c>
      <c r="S207" s="3" t="s">
        <v>1398</v>
      </c>
      <c r="T207" s="3" t="s">
        <v>37</v>
      </c>
      <c r="U207" s="3" t="s">
        <v>37</v>
      </c>
      <c r="V207" s="3" t="s">
        <v>37</v>
      </c>
    </row>
    <row r="208" spans="1:22" x14ac:dyDescent="0.25">
      <c r="A208" s="3" t="s">
        <v>911</v>
      </c>
      <c r="B208" s="4" t="s">
        <v>654</v>
      </c>
      <c r="C208" s="3" t="s">
        <v>655</v>
      </c>
      <c r="D208" s="5" t="s">
        <v>137</v>
      </c>
      <c r="E208" s="3" t="s">
        <v>934</v>
      </c>
      <c r="F208" s="3" t="s">
        <v>950</v>
      </c>
      <c r="G208" s="3" t="s">
        <v>147</v>
      </c>
      <c r="H208" s="3" t="s">
        <v>29</v>
      </c>
      <c r="I208" s="3" t="s">
        <v>936</v>
      </c>
      <c r="J208" s="8" t="s">
        <v>937</v>
      </c>
      <c r="K208" s="3" t="s">
        <v>32</v>
      </c>
      <c r="L208" s="3" t="s">
        <v>33</v>
      </c>
      <c r="M208" s="3" t="s">
        <v>938</v>
      </c>
      <c r="N208" s="3" t="s">
        <v>190</v>
      </c>
      <c r="O208" s="3" t="s">
        <v>158</v>
      </c>
      <c r="P208" s="3" t="s">
        <v>37</v>
      </c>
      <c r="Q208" s="3" t="s">
        <v>37</v>
      </c>
      <c r="R208" s="3" t="s">
        <v>39</v>
      </c>
      <c r="S208" s="3" t="s">
        <v>951</v>
      </c>
      <c r="T208" s="3" t="s">
        <v>37</v>
      </c>
      <c r="U208" s="3" t="s">
        <v>37</v>
      </c>
      <c r="V208" s="3" t="s">
        <v>37</v>
      </c>
    </row>
    <row r="209" spans="1:22" x14ac:dyDescent="0.25">
      <c r="A209" s="3" t="s">
        <v>911</v>
      </c>
      <c r="B209" s="4" t="s">
        <v>654</v>
      </c>
      <c r="C209" s="3" t="s">
        <v>655</v>
      </c>
      <c r="D209" s="5" t="s">
        <v>692</v>
      </c>
      <c r="E209" s="3" t="s">
        <v>934</v>
      </c>
      <c r="F209" s="3" t="s">
        <v>952</v>
      </c>
      <c r="G209" s="3" t="s">
        <v>66</v>
      </c>
      <c r="H209" s="3" t="s">
        <v>29</v>
      </c>
      <c r="I209" s="3" t="s">
        <v>936</v>
      </c>
      <c r="J209" s="3" t="s">
        <v>953</v>
      </c>
      <c r="K209" s="3" t="s">
        <v>32</v>
      </c>
      <c r="L209" s="3" t="s">
        <v>33</v>
      </c>
      <c r="M209" s="3" t="s">
        <v>938</v>
      </c>
      <c r="N209" s="3" t="s">
        <v>190</v>
      </c>
      <c r="O209" s="3" t="s">
        <v>158</v>
      </c>
      <c r="P209" s="3" t="s">
        <v>37</v>
      </c>
      <c r="Q209" s="3" t="s">
        <v>37</v>
      </c>
      <c r="R209" s="3" t="s">
        <v>39</v>
      </c>
      <c r="S209" s="3" t="s">
        <v>954</v>
      </c>
      <c r="T209" s="3" t="s">
        <v>37</v>
      </c>
      <c r="U209" s="3" t="s">
        <v>37</v>
      </c>
      <c r="V209" s="3" t="s">
        <v>37</v>
      </c>
    </row>
    <row r="210" spans="1:22" x14ac:dyDescent="0.25">
      <c r="A210" s="3" t="s">
        <v>911</v>
      </c>
      <c r="B210" s="4" t="s">
        <v>654</v>
      </c>
      <c r="C210" s="3" t="s">
        <v>655</v>
      </c>
      <c r="D210" s="5" t="s">
        <v>1242</v>
      </c>
      <c r="E210" s="3" t="s">
        <v>934</v>
      </c>
      <c r="F210" s="3" t="s">
        <v>1005</v>
      </c>
      <c r="G210" s="3" t="s">
        <v>227</v>
      </c>
      <c r="H210" s="3" t="s">
        <v>29</v>
      </c>
      <c r="I210" s="3" t="s">
        <v>936</v>
      </c>
      <c r="J210" s="8" t="s">
        <v>937</v>
      </c>
      <c r="K210" s="3" t="s">
        <v>32</v>
      </c>
      <c r="L210" s="3" t="s">
        <v>33</v>
      </c>
      <c r="M210" s="3" t="s">
        <v>938</v>
      </c>
      <c r="N210" s="3" t="s">
        <v>190</v>
      </c>
      <c r="O210" s="3" t="s">
        <v>158</v>
      </c>
      <c r="P210" s="3" t="s">
        <v>37</v>
      </c>
      <c r="Q210" s="3" t="s">
        <v>37</v>
      </c>
      <c r="R210" s="3" t="s">
        <v>39</v>
      </c>
      <c r="S210" s="3" t="s">
        <v>1006</v>
      </c>
      <c r="T210" s="3" t="s">
        <v>37</v>
      </c>
      <c r="U210" s="3" t="s">
        <v>37</v>
      </c>
      <c r="V210" s="3" t="s">
        <v>37</v>
      </c>
    </row>
    <row r="211" spans="1:22" x14ac:dyDescent="0.25">
      <c r="A211" s="3" t="s">
        <v>911</v>
      </c>
      <c r="B211" s="4" t="s">
        <v>654</v>
      </c>
      <c r="C211" s="3" t="s">
        <v>655</v>
      </c>
      <c r="D211" s="5" t="s">
        <v>993</v>
      </c>
      <c r="E211" s="3" t="s">
        <v>934</v>
      </c>
      <c r="F211" s="3" t="s">
        <v>1007</v>
      </c>
      <c r="G211" s="3" t="s">
        <v>269</v>
      </c>
      <c r="H211" s="3" t="s">
        <v>29</v>
      </c>
      <c r="I211" s="3" t="s">
        <v>936</v>
      </c>
      <c r="J211" s="3" t="s">
        <v>1008</v>
      </c>
      <c r="K211" s="3" t="s">
        <v>32</v>
      </c>
      <c r="L211" s="3" t="s">
        <v>33</v>
      </c>
      <c r="M211" s="3" t="s">
        <v>938</v>
      </c>
      <c r="N211" s="3" t="s">
        <v>190</v>
      </c>
      <c r="O211" s="3" t="s">
        <v>158</v>
      </c>
      <c r="P211" s="3" t="s">
        <v>37</v>
      </c>
      <c r="Q211" s="3" t="s">
        <v>37</v>
      </c>
      <c r="R211" s="3" t="s">
        <v>39</v>
      </c>
      <c r="S211" s="3" t="s">
        <v>1009</v>
      </c>
      <c r="T211" s="3" t="s">
        <v>37</v>
      </c>
      <c r="U211" s="3" t="s">
        <v>37</v>
      </c>
      <c r="V211" s="3" t="s">
        <v>37</v>
      </c>
    </row>
    <row r="212" spans="1:22" x14ac:dyDescent="0.25">
      <c r="A212" s="3" t="s">
        <v>911</v>
      </c>
      <c r="B212" s="4" t="s">
        <v>654</v>
      </c>
      <c r="C212" s="3" t="s">
        <v>655</v>
      </c>
      <c r="D212" s="5" t="s">
        <v>1248</v>
      </c>
      <c r="E212" s="3" t="s">
        <v>934</v>
      </c>
      <c r="F212" s="3" t="s">
        <v>1011</v>
      </c>
      <c r="G212" s="3" t="s">
        <v>384</v>
      </c>
      <c r="H212" s="3" t="s">
        <v>29</v>
      </c>
      <c r="I212" s="3" t="s">
        <v>936</v>
      </c>
      <c r="J212" s="3" t="s">
        <v>1012</v>
      </c>
      <c r="K212" s="3" t="s">
        <v>32</v>
      </c>
      <c r="L212" s="3" t="s">
        <v>33</v>
      </c>
      <c r="M212" s="3" t="s">
        <v>938</v>
      </c>
      <c r="N212" s="3" t="s">
        <v>190</v>
      </c>
      <c r="O212" s="3" t="s">
        <v>158</v>
      </c>
      <c r="P212" s="3" t="s">
        <v>37</v>
      </c>
      <c r="Q212" s="3" t="s">
        <v>37</v>
      </c>
      <c r="R212" s="3" t="s">
        <v>39</v>
      </c>
      <c r="S212" s="3" t="s">
        <v>1013</v>
      </c>
      <c r="T212" s="3" t="s">
        <v>37</v>
      </c>
      <c r="U212" s="3" t="s">
        <v>37</v>
      </c>
      <c r="V212" s="3" t="s">
        <v>37</v>
      </c>
    </row>
    <row r="213" spans="1:22" x14ac:dyDescent="0.25">
      <c r="A213" s="3" t="s">
        <v>911</v>
      </c>
      <c r="B213" s="4" t="s">
        <v>654</v>
      </c>
      <c r="C213" s="3" t="s">
        <v>655</v>
      </c>
      <c r="D213" s="5" t="s">
        <v>150</v>
      </c>
      <c r="E213" s="3" t="s">
        <v>934</v>
      </c>
      <c r="F213" s="3" t="s">
        <v>1075</v>
      </c>
      <c r="G213" s="3" t="s">
        <v>43</v>
      </c>
      <c r="H213" s="3" t="s">
        <v>29</v>
      </c>
      <c r="I213" s="3" t="s">
        <v>936</v>
      </c>
      <c r="J213" s="8" t="s">
        <v>937</v>
      </c>
      <c r="K213" s="3" t="s">
        <v>32</v>
      </c>
      <c r="L213" s="3" t="s">
        <v>33</v>
      </c>
      <c r="M213" s="3" t="s">
        <v>938</v>
      </c>
      <c r="N213" s="3" t="s">
        <v>190</v>
      </c>
      <c r="O213" s="3" t="s">
        <v>158</v>
      </c>
      <c r="P213" s="3" t="s">
        <v>37</v>
      </c>
      <c r="Q213" s="3" t="s">
        <v>37</v>
      </c>
      <c r="R213" s="3" t="s">
        <v>39</v>
      </c>
      <c r="S213" s="3" t="s">
        <v>1076</v>
      </c>
      <c r="T213" s="3" t="s">
        <v>37</v>
      </c>
      <c r="U213" s="3" t="s">
        <v>37</v>
      </c>
      <c r="V213" s="3" t="s">
        <v>37</v>
      </c>
    </row>
    <row r="214" spans="1:22" x14ac:dyDescent="0.25">
      <c r="A214" s="3" t="s">
        <v>911</v>
      </c>
      <c r="B214" s="4" t="s">
        <v>654</v>
      </c>
      <c r="C214" s="3" t="s">
        <v>655</v>
      </c>
      <c r="D214" s="5" t="s">
        <v>152</v>
      </c>
      <c r="E214" s="3" t="s">
        <v>929</v>
      </c>
      <c r="F214" s="3" t="s">
        <v>1399</v>
      </c>
      <c r="G214" s="3" t="s">
        <v>280</v>
      </c>
      <c r="H214" s="3" t="s">
        <v>29</v>
      </c>
      <c r="I214" s="3" t="s">
        <v>37</v>
      </c>
      <c r="J214" s="3" t="s">
        <v>1400</v>
      </c>
      <c r="K214" s="3" t="s">
        <v>32</v>
      </c>
      <c r="L214" s="3" t="s">
        <v>33</v>
      </c>
      <c r="M214" s="3" t="s">
        <v>68</v>
      </c>
      <c r="N214" s="3" t="s">
        <v>69</v>
      </c>
      <c r="O214" s="3" t="s">
        <v>53</v>
      </c>
      <c r="P214" s="3" t="s">
        <v>37</v>
      </c>
      <c r="Q214" s="3" t="s">
        <v>37</v>
      </c>
      <c r="R214" s="3" t="s">
        <v>39</v>
      </c>
      <c r="S214" s="3" t="s">
        <v>1401</v>
      </c>
      <c r="T214" s="3" t="s">
        <v>37</v>
      </c>
      <c r="U214" s="3" t="s">
        <v>37</v>
      </c>
      <c r="V214" s="3" t="s">
        <v>37</v>
      </c>
    </row>
    <row r="215" spans="1:22" x14ac:dyDescent="0.25">
      <c r="A215" s="3" t="s">
        <v>911</v>
      </c>
      <c r="B215" s="4" t="s">
        <v>654</v>
      </c>
      <c r="C215" s="3" t="s">
        <v>655</v>
      </c>
      <c r="D215" s="5" t="s">
        <v>165</v>
      </c>
      <c r="E215" s="3" t="s">
        <v>521</v>
      </c>
      <c r="F215" s="3" t="s">
        <v>1402</v>
      </c>
      <c r="G215" s="3" t="s">
        <v>738</v>
      </c>
      <c r="H215" s="3" t="s">
        <v>87</v>
      </c>
      <c r="I215" s="3" t="s">
        <v>523</v>
      </c>
      <c r="J215" s="3" t="s">
        <v>1403</v>
      </c>
      <c r="K215" s="3" t="s">
        <v>32</v>
      </c>
      <c r="L215" s="3" t="s">
        <v>33</v>
      </c>
      <c r="M215" s="3" t="s">
        <v>34</v>
      </c>
      <c r="N215" s="3" t="s">
        <v>190</v>
      </c>
      <c r="O215" s="3" t="s">
        <v>223</v>
      </c>
      <c r="P215" s="3" t="s">
        <v>37</v>
      </c>
      <c r="Q215" s="3" t="s">
        <v>37</v>
      </c>
      <c r="R215" s="3" t="s">
        <v>39</v>
      </c>
      <c r="S215" s="3" t="s">
        <v>1404</v>
      </c>
      <c r="T215" s="3" t="s">
        <v>37</v>
      </c>
      <c r="U215" s="3" t="s">
        <v>37</v>
      </c>
      <c r="V215" s="3" t="s">
        <v>37</v>
      </c>
    </row>
    <row r="216" spans="1:22" x14ac:dyDescent="0.25">
      <c r="A216" s="3" t="s">
        <v>911</v>
      </c>
      <c r="B216" s="4" t="s">
        <v>654</v>
      </c>
      <c r="C216" s="3" t="s">
        <v>655</v>
      </c>
      <c r="D216" s="5" t="s">
        <v>1004</v>
      </c>
      <c r="E216" s="3" t="s">
        <v>934</v>
      </c>
      <c r="F216" s="3" t="s">
        <v>1405</v>
      </c>
      <c r="G216" s="3" t="s">
        <v>242</v>
      </c>
      <c r="H216" s="3" t="s">
        <v>29</v>
      </c>
      <c r="I216" s="3" t="s">
        <v>936</v>
      </c>
      <c r="J216" s="8" t="s">
        <v>937</v>
      </c>
      <c r="K216" s="3" t="s">
        <v>32</v>
      </c>
      <c r="L216" s="3" t="s">
        <v>33</v>
      </c>
      <c r="M216" s="3" t="s">
        <v>938</v>
      </c>
      <c r="N216" s="3" t="s">
        <v>190</v>
      </c>
      <c r="O216" s="3" t="s">
        <v>158</v>
      </c>
      <c r="P216" s="3" t="s">
        <v>37</v>
      </c>
      <c r="Q216" s="3" t="s">
        <v>37</v>
      </c>
      <c r="R216" s="3" t="s">
        <v>39</v>
      </c>
      <c r="S216" s="3" t="s">
        <v>1406</v>
      </c>
      <c r="T216" s="3" t="s">
        <v>127</v>
      </c>
      <c r="U216" s="3" t="s">
        <v>37</v>
      </c>
      <c r="V216" s="3" t="s">
        <v>37</v>
      </c>
    </row>
    <row r="217" spans="1:22" x14ac:dyDescent="0.25">
      <c r="A217" s="3" t="s">
        <v>911</v>
      </c>
      <c r="B217" s="4" t="s">
        <v>654</v>
      </c>
      <c r="C217" s="3" t="s">
        <v>655</v>
      </c>
      <c r="D217" s="5" t="s">
        <v>174</v>
      </c>
      <c r="E217" s="3" t="s">
        <v>934</v>
      </c>
      <c r="F217" s="3" t="s">
        <v>1407</v>
      </c>
      <c r="G217" s="3" t="s">
        <v>305</v>
      </c>
      <c r="H217" s="3" t="s">
        <v>29</v>
      </c>
      <c r="I217" s="3" t="s">
        <v>936</v>
      </c>
      <c r="J217" s="8" t="s">
        <v>937</v>
      </c>
      <c r="K217" s="3" t="s">
        <v>32</v>
      </c>
      <c r="L217" s="3" t="s">
        <v>33</v>
      </c>
      <c r="M217" s="3" t="s">
        <v>938</v>
      </c>
      <c r="N217" s="3" t="s">
        <v>190</v>
      </c>
      <c r="O217" s="3" t="s">
        <v>158</v>
      </c>
      <c r="P217" s="3" t="s">
        <v>37</v>
      </c>
      <c r="Q217" s="3" t="s">
        <v>37</v>
      </c>
      <c r="R217" s="3" t="s">
        <v>39</v>
      </c>
      <c r="S217" s="3" t="s">
        <v>1408</v>
      </c>
      <c r="T217" s="3" t="s">
        <v>37</v>
      </c>
      <c r="U217" s="3" t="s">
        <v>37</v>
      </c>
      <c r="V217" s="3" t="s">
        <v>37</v>
      </c>
    </row>
    <row r="218" spans="1:22" x14ac:dyDescent="0.25">
      <c r="A218" s="3" t="s">
        <v>911</v>
      </c>
      <c r="B218" s="4" t="s">
        <v>654</v>
      </c>
      <c r="C218" s="3" t="s">
        <v>655</v>
      </c>
      <c r="D218" s="5" t="s">
        <v>1010</v>
      </c>
      <c r="E218" s="3" t="s">
        <v>934</v>
      </c>
      <c r="F218" s="3" t="s">
        <v>1409</v>
      </c>
      <c r="G218" s="3" t="s">
        <v>497</v>
      </c>
      <c r="H218" s="3" t="s">
        <v>29</v>
      </c>
      <c r="I218" s="3" t="s">
        <v>936</v>
      </c>
      <c r="J218" s="8" t="s">
        <v>937</v>
      </c>
      <c r="K218" s="3" t="s">
        <v>32</v>
      </c>
      <c r="L218" s="3" t="s">
        <v>33</v>
      </c>
      <c r="M218" s="3" t="s">
        <v>938</v>
      </c>
      <c r="N218" s="3" t="s">
        <v>190</v>
      </c>
      <c r="O218" s="3" t="s">
        <v>158</v>
      </c>
      <c r="P218" s="3" t="s">
        <v>37</v>
      </c>
      <c r="Q218" s="3" t="s">
        <v>37</v>
      </c>
      <c r="R218" s="3" t="s">
        <v>39</v>
      </c>
      <c r="S218" s="3" t="s">
        <v>1410</v>
      </c>
      <c r="T218" s="3" t="s">
        <v>37</v>
      </c>
      <c r="U218" s="3" t="s">
        <v>37</v>
      </c>
      <c r="V218" s="3" t="s">
        <v>37</v>
      </c>
    </row>
    <row r="219" spans="1:22" x14ac:dyDescent="0.25">
      <c r="A219" s="3" t="s">
        <v>911</v>
      </c>
      <c r="B219" s="4" t="s">
        <v>654</v>
      </c>
      <c r="C219" s="3" t="s">
        <v>655</v>
      </c>
      <c r="D219" s="5" t="s">
        <v>1014</v>
      </c>
      <c r="E219" s="3" t="s">
        <v>956</v>
      </c>
      <c r="F219" s="3" t="s">
        <v>1262</v>
      </c>
      <c r="G219" s="3" t="s">
        <v>567</v>
      </c>
      <c r="H219" s="3" t="s">
        <v>87</v>
      </c>
      <c r="I219" s="3" t="s">
        <v>37</v>
      </c>
      <c r="J219" s="3" t="s">
        <v>1263</v>
      </c>
      <c r="K219" s="3" t="s">
        <v>32</v>
      </c>
      <c r="L219" s="3" t="s">
        <v>33</v>
      </c>
      <c r="M219" s="3" t="s">
        <v>68</v>
      </c>
      <c r="N219" s="3" t="s">
        <v>190</v>
      </c>
      <c r="O219" s="3" t="s">
        <v>37</v>
      </c>
      <c r="P219" s="3" t="s">
        <v>37</v>
      </c>
      <c r="Q219" s="3" t="s">
        <v>37</v>
      </c>
      <c r="R219" s="3" t="s">
        <v>39</v>
      </c>
      <c r="S219" s="3" t="s">
        <v>1411</v>
      </c>
      <c r="T219" s="3" t="s">
        <v>127</v>
      </c>
      <c r="U219" s="3" t="s">
        <v>37</v>
      </c>
      <c r="V219" s="3" t="s">
        <v>37</v>
      </c>
    </row>
    <row r="220" spans="1:22" x14ac:dyDescent="0.25">
      <c r="A220" s="3" t="s">
        <v>911</v>
      </c>
      <c r="B220" s="4" t="s">
        <v>654</v>
      </c>
      <c r="C220" s="3" t="s">
        <v>655</v>
      </c>
      <c r="D220" s="5" t="s">
        <v>179</v>
      </c>
      <c r="E220" s="3" t="s">
        <v>956</v>
      </c>
      <c r="F220" s="3" t="s">
        <v>1262</v>
      </c>
      <c r="G220" s="3" t="s">
        <v>425</v>
      </c>
      <c r="H220" s="3" t="s">
        <v>87</v>
      </c>
      <c r="I220" s="3" t="s">
        <v>37</v>
      </c>
      <c r="J220" s="3" t="s">
        <v>1263</v>
      </c>
      <c r="K220" s="3" t="s">
        <v>32</v>
      </c>
      <c r="L220" s="3" t="s">
        <v>33</v>
      </c>
      <c r="M220" s="3" t="s">
        <v>68</v>
      </c>
      <c r="N220" s="3" t="s">
        <v>190</v>
      </c>
      <c r="O220" s="3" t="s">
        <v>37</v>
      </c>
      <c r="P220" s="3" t="s">
        <v>37</v>
      </c>
      <c r="Q220" s="3" t="s">
        <v>37</v>
      </c>
      <c r="R220" s="3" t="s">
        <v>39</v>
      </c>
      <c r="S220" s="3" t="s">
        <v>1347</v>
      </c>
      <c r="T220" s="3" t="s">
        <v>37</v>
      </c>
      <c r="U220" s="3" t="s">
        <v>37</v>
      </c>
      <c r="V220" s="3" t="s">
        <v>37</v>
      </c>
    </row>
    <row r="221" spans="1:22" x14ac:dyDescent="0.25">
      <c r="A221" s="3" t="s">
        <v>911</v>
      </c>
      <c r="B221" s="4" t="s">
        <v>654</v>
      </c>
      <c r="C221" s="3" t="s">
        <v>655</v>
      </c>
      <c r="D221" s="5" t="s">
        <v>1016</v>
      </c>
      <c r="E221" s="3" t="s">
        <v>1266</v>
      </c>
      <c r="F221" s="3" t="s">
        <v>1555</v>
      </c>
      <c r="G221" s="3" t="s">
        <v>328</v>
      </c>
      <c r="H221" s="3" t="s">
        <v>29</v>
      </c>
      <c r="I221" s="3" t="s">
        <v>37</v>
      </c>
      <c r="J221" s="3" t="s">
        <v>1268</v>
      </c>
      <c r="K221" s="3" t="s">
        <v>32</v>
      </c>
      <c r="L221" s="3" t="s">
        <v>33</v>
      </c>
      <c r="M221" s="3" t="s">
        <v>68</v>
      </c>
      <c r="N221" s="3" t="s">
        <v>69</v>
      </c>
      <c r="O221" s="3" t="s">
        <v>37</v>
      </c>
      <c r="P221" s="3" t="s">
        <v>37</v>
      </c>
      <c r="Q221" s="3" t="s">
        <v>37</v>
      </c>
      <c r="R221" s="3" t="s">
        <v>39</v>
      </c>
      <c r="S221" s="3" t="s">
        <v>1556</v>
      </c>
      <c r="T221" s="3" t="s">
        <v>127</v>
      </c>
      <c r="U221" s="3" t="s">
        <v>37</v>
      </c>
      <c r="V221" s="3" t="s">
        <v>37</v>
      </c>
    </row>
    <row r="222" spans="1:22" x14ac:dyDescent="0.25">
      <c r="A222" s="3" t="s">
        <v>911</v>
      </c>
      <c r="B222" s="4" t="s">
        <v>654</v>
      </c>
      <c r="C222" s="3" t="s">
        <v>655</v>
      </c>
      <c r="D222" s="5" t="s">
        <v>1557</v>
      </c>
      <c r="E222" s="3" t="s">
        <v>1266</v>
      </c>
      <c r="F222" s="3" t="s">
        <v>1558</v>
      </c>
      <c r="G222" s="3" t="s">
        <v>49</v>
      </c>
      <c r="H222" s="3" t="s">
        <v>29</v>
      </c>
      <c r="I222" s="3" t="s">
        <v>37</v>
      </c>
      <c r="J222" s="3" t="s">
        <v>1268</v>
      </c>
      <c r="K222" s="3" t="s">
        <v>32</v>
      </c>
      <c r="L222" s="3" t="s">
        <v>33</v>
      </c>
      <c r="M222" s="3" t="s">
        <v>68</v>
      </c>
      <c r="N222" s="3" t="s">
        <v>69</v>
      </c>
      <c r="O222" s="3" t="s">
        <v>37</v>
      </c>
      <c r="P222" s="3" t="s">
        <v>37</v>
      </c>
      <c r="Q222" s="3" t="s">
        <v>37</v>
      </c>
      <c r="R222" s="3" t="s">
        <v>39</v>
      </c>
      <c r="S222" s="3" t="s">
        <v>1559</v>
      </c>
      <c r="T222" s="3" t="s">
        <v>37</v>
      </c>
      <c r="U222" s="3" t="s">
        <v>37</v>
      </c>
      <c r="V222" s="3" t="s">
        <v>37</v>
      </c>
    </row>
    <row r="223" spans="1:22" x14ac:dyDescent="0.25">
      <c r="A223" s="3" t="s">
        <v>911</v>
      </c>
      <c r="B223" s="4" t="s">
        <v>654</v>
      </c>
      <c r="C223" s="3" t="s">
        <v>655</v>
      </c>
      <c r="D223" s="5" t="s">
        <v>1019</v>
      </c>
      <c r="E223" s="3" t="s">
        <v>996</v>
      </c>
      <c r="F223" s="3" t="s">
        <v>1412</v>
      </c>
      <c r="G223" s="3" t="s">
        <v>344</v>
      </c>
      <c r="H223" s="3" t="s">
        <v>59</v>
      </c>
      <c r="I223" s="3" t="s">
        <v>37</v>
      </c>
      <c r="J223" s="3" t="s">
        <v>1413</v>
      </c>
      <c r="K223" s="3" t="s">
        <v>32</v>
      </c>
      <c r="L223" s="3" t="s">
        <v>33</v>
      </c>
      <c r="M223" s="3" t="s">
        <v>68</v>
      </c>
      <c r="N223" s="3" t="s">
        <v>69</v>
      </c>
      <c r="O223" s="3" t="s">
        <v>223</v>
      </c>
      <c r="P223" s="3" t="s">
        <v>37</v>
      </c>
      <c r="Q223" s="3" t="s">
        <v>37</v>
      </c>
      <c r="R223" s="3" t="s">
        <v>39</v>
      </c>
      <c r="S223" s="3" t="s">
        <v>1414</v>
      </c>
      <c r="T223" s="3" t="s">
        <v>37</v>
      </c>
      <c r="U223" s="3" t="s">
        <v>37</v>
      </c>
      <c r="V223" s="3" t="s">
        <v>37</v>
      </c>
    </row>
    <row r="224" spans="1:22" x14ac:dyDescent="0.25">
      <c r="A224" s="3" t="s">
        <v>911</v>
      </c>
      <c r="B224" s="4" t="s">
        <v>654</v>
      </c>
      <c r="C224" s="3" t="s">
        <v>655</v>
      </c>
      <c r="D224" s="5" t="s">
        <v>1273</v>
      </c>
      <c r="E224" s="3" t="s">
        <v>521</v>
      </c>
      <c r="F224" s="3" t="s">
        <v>1415</v>
      </c>
      <c r="G224" s="3" t="s">
        <v>613</v>
      </c>
      <c r="H224" s="3" t="s">
        <v>87</v>
      </c>
      <c r="I224" s="3" t="s">
        <v>523</v>
      </c>
      <c r="J224" s="3" t="s">
        <v>1416</v>
      </c>
      <c r="K224" s="3" t="s">
        <v>32</v>
      </c>
      <c r="L224" s="3" t="s">
        <v>33</v>
      </c>
      <c r="M224" s="3" t="s">
        <v>34</v>
      </c>
      <c r="N224" s="3" t="s">
        <v>190</v>
      </c>
      <c r="O224" s="3" t="s">
        <v>223</v>
      </c>
      <c r="P224" s="3" t="s">
        <v>37</v>
      </c>
      <c r="Q224" s="3" t="s">
        <v>37</v>
      </c>
      <c r="R224" s="3" t="s">
        <v>39</v>
      </c>
      <c r="S224" s="3" t="s">
        <v>1417</v>
      </c>
      <c r="T224" s="3" t="s">
        <v>37</v>
      </c>
      <c r="U224" s="3" t="s">
        <v>37</v>
      </c>
      <c r="V224" s="3" t="s">
        <v>37</v>
      </c>
    </row>
    <row r="225" spans="1:22" x14ac:dyDescent="0.25">
      <c r="A225" s="3" t="s">
        <v>911</v>
      </c>
      <c r="B225" s="4" t="s">
        <v>654</v>
      </c>
      <c r="C225" s="3" t="s">
        <v>655</v>
      </c>
      <c r="D225" s="5" t="s">
        <v>1025</v>
      </c>
      <c r="E225" s="3" t="s">
        <v>1026</v>
      </c>
      <c r="F225" s="3" t="s">
        <v>1418</v>
      </c>
      <c r="G225" s="3" t="s">
        <v>513</v>
      </c>
      <c r="H225" s="3" t="s">
        <v>87</v>
      </c>
      <c r="I225" s="3" t="s">
        <v>37</v>
      </c>
      <c r="J225" s="3" t="s">
        <v>1419</v>
      </c>
      <c r="K225" s="3" t="s">
        <v>32</v>
      </c>
      <c r="L225" s="3" t="s">
        <v>33</v>
      </c>
      <c r="M225" s="3" t="s">
        <v>68</v>
      </c>
      <c r="N225" s="3" t="s">
        <v>69</v>
      </c>
      <c r="O225" s="3" t="s">
        <v>53</v>
      </c>
      <c r="P225" s="3" t="s">
        <v>37</v>
      </c>
      <c r="Q225" s="3" t="s">
        <v>37</v>
      </c>
      <c r="R225" s="3" t="s">
        <v>39</v>
      </c>
      <c r="S225" s="3" t="s">
        <v>1420</v>
      </c>
      <c r="T225" s="3" t="s">
        <v>37</v>
      </c>
      <c r="U225" s="3" t="s">
        <v>37</v>
      </c>
      <c r="V225" s="3" t="s">
        <v>37</v>
      </c>
    </row>
    <row r="226" spans="1:22" x14ac:dyDescent="0.25">
      <c r="A226" s="3" t="s">
        <v>911</v>
      </c>
      <c r="B226" s="4" t="s">
        <v>654</v>
      </c>
      <c r="C226" s="3" t="s">
        <v>655</v>
      </c>
      <c r="D226" s="5" t="s">
        <v>199</v>
      </c>
      <c r="E226" s="3" t="s">
        <v>1031</v>
      </c>
      <c r="F226" s="3" t="s">
        <v>1421</v>
      </c>
      <c r="G226" s="3" t="s">
        <v>1422</v>
      </c>
      <c r="H226" s="3" t="s">
        <v>87</v>
      </c>
      <c r="I226" s="3" t="s">
        <v>1033</v>
      </c>
      <c r="J226" s="3" t="s">
        <v>1423</v>
      </c>
      <c r="K226" s="3" t="s">
        <v>32</v>
      </c>
      <c r="L226" s="3" t="s">
        <v>33</v>
      </c>
      <c r="M226" s="3" t="s">
        <v>68</v>
      </c>
      <c r="N226" s="3" t="s">
        <v>52</v>
      </c>
      <c r="O226" s="3" t="s">
        <v>36</v>
      </c>
      <c r="P226" s="3" t="s">
        <v>37</v>
      </c>
      <c r="Q226" s="3" t="s">
        <v>37</v>
      </c>
      <c r="R226" s="3" t="s">
        <v>39</v>
      </c>
      <c r="S226" s="3" t="s">
        <v>1424</v>
      </c>
      <c r="T226" s="3" t="s">
        <v>37</v>
      </c>
      <c r="U226" s="3" t="s">
        <v>37</v>
      </c>
      <c r="V226" s="3" t="s">
        <v>37</v>
      </c>
    </row>
    <row r="227" spans="1:22" x14ac:dyDescent="0.25">
      <c r="A227" s="3" t="s">
        <v>911</v>
      </c>
      <c r="B227" s="4" t="s">
        <v>654</v>
      </c>
      <c r="C227" s="3" t="s">
        <v>655</v>
      </c>
      <c r="D227" s="5" t="s">
        <v>1036</v>
      </c>
      <c r="E227" s="3" t="s">
        <v>1283</v>
      </c>
      <c r="F227" s="3" t="s">
        <v>1425</v>
      </c>
      <c r="G227" s="3" t="s">
        <v>738</v>
      </c>
      <c r="H227" s="3" t="s">
        <v>87</v>
      </c>
      <c r="I227" s="3" t="s">
        <v>1560</v>
      </c>
      <c r="J227" s="3" t="s">
        <v>1426</v>
      </c>
      <c r="K227" s="3" t="s">
        <v>32</v>
      </c>
      <c r="L227" s="3" t="s">
        <v>33</v>
      </c>
      <c r="M227" s="3" t="s">
        <v>68</v>
      </c>
      <c r="N227" s="3" t="s">
        <v>1040</v>
      </c>
      <c r="O227" s="3" t="s">
        <v>223</v>
      </c>
      <c r="P227" s="3" t="s">
        <v>37</v>
      </c>
      <c r="Q227" s="3" t="s">
        <v>37</v>
      </c>
      <c r="R227" s="3" t="s">
        <v>39</v>
      </c>
      <c r="S227" s="3" t="s">
        <v>1427</v>
      </c>
      <c r="T227" s="3" t="s">
        <v>37</v>
      </c>
      <c r="U227" s="3" t="s">
        <v>37</v>
      </c>
      <c r="V227" s="3" t="s">
        <v>37</v>
      </c>
    </row>
    <row r="228" spans="1:22" x14ac:dyDescent="0.25">
      <c r="A228" s="3" t="s">
        <v>911</v>
      </c>
      <c r="B228" s="4" t="s">
        <v>654</v>
      </c>
      <c r="C228" s="3" t="s">
        <v>655</v>
      </c>
      <c r="D228" s="5" t="s">
        <v>520</v>
      </c>
      <c r="E228" s="3" t="s">
        <v>934</v>
      </c>
      <c r="F228" s="3" t="s">
        <v>1085</v>
      </c>
      <c r="G228" s="3" t="s">
        <v>367</v>
      </c>
      <c r="H228" s="3" t="s">
        <v>29</v>
      </c>
      <c r="I228" s="3" t="s">
        <v>936</v>
      </c>
      <c r="J228" s="8" t="s">
        <v>937</v>
      </c>
      <c r="K228" s="3" t="s">
        <v>32</v>
      </c>
      <c r="L228" s="3" t="s">
        <v>33</v>
      </c>
      <c r="M228" s="3" t="s">
        <v>938</v>
      </c>
      <c r="N228" s="3" t="s">
        <v>190</v>
      </c>
      <c r="O228" s="3" t="s">
        <v>158</v>
      </c>
      <c r="P228" s="3" t="s">
        <v>37</v>
      </c>
      <c r="Q228" s="3" t="s">
        <v>37</v>
      </c>
      <c r="R228" s="3" t="s">
        <v>39</v>
      </c>
      <c r="S228" s="3" t="s">
        <v>1086</v>
      </c>
      <c r="T228" s="3" t="s">
        <v>37</v>
      </c>
      <c r="U228" s="3" t="s">
        <v>37</v>
      </c>
      <c r="V228" s="3" t="s">
        <v>37</v>
      </c>
    </row>
    <row r="229" spans="1:22" x14ac:dyDescent="0.25">
      <c r="A229" s="3" t="s">
        <v>911</v>
      </c>
      <c r="B229" s="4" t="s">
        <v>654</v>
      </c>
      <c r="C229" s="3" t="s">
        <v>655</v>
      </c>
      <c r="D229" s="5" t="s">
        <v>1288</v>
      </c>
      <c r="E229" s="3" t="s">
        <v>934</v>
      </c>
      <c r="F229" s="3" t="s">
        <v>1087</v>
      </c>
      <c r="G229" s="3" t="s">
        <v>375</v>
      </c>
      <c r="H229" s="3" t="s">
        <v>29</v>
      </c>
      <c r="I229" s="3" t="s">
        <v>942</v>
      </c>
      <c r="J229" s="3" t="s">
        <v>1088</v>
      </c>
      <c r="K229" s="3" t="s">
        <v>32</v>
      </c>
      <c r="L229" s="3" t="s">
        <v>33</v>
      </c>
      <c r="M229" s="3" t="s">
        <v>938</v>
      </c>
      <c r="N229" s="3" t="s">
        <v>190</v>
      </c>
      <c r="O229" s="3" t="s">
        <v>158</v>
      </c>
      <c r="P229" s="3" t="s">
        <v>37</v>
      </c>
      <c r="Q229" s="3" t="s">
        <v>37</v>
      </c>
      <c r="R229" s="3" t="s">
        <v>39</v>
      </c>
      <c r="S229" s="3" t="s">
        <v>1089</v>
      </c>
      <c r="T229" s="3" t="s">
        <v>37</v>
      </c>
      <c r="U229" s="3" t="s">
        <v>37</v>
      </c>
      <c r="V229" s="3" t="s">
        <v>37</v>
      </c>
    </row>
    <row r="230" spans="1:22" x14ac:dyDescent="0.25">
      <c r="A230" s="3" t="s">
        <v>911</v>
      </c>
      <c r="B230" s="4" t="s">
        <v>654</v>
      </c>
      <c r="C230" s="3" t="s">
        <v>655</v>
      </c>
      <c r="D230" s="5" t="s">
        <v>1289</v>
      </c>
      <c r="E230" s="3" t="s">
        <v>934</v>
      </c>
      <c r="F230" s="3" t="s">
        <v>1132</v>
      </c>
      <c r="G230" s="3" t="s">
        <v>176</v>
      </c>
      <c r="H230" s="3" t="s">
        <v>29</v>
      </c>
      <c r="I230" s="3" t="s">
        <v>936</v>
      </c>
      <c r="J230" s="8" t="s">
        <v>937</v>
      </c>
      <c r="K230" s="3" t="s">
        <v>32</v>
      </c>
      <c r="L230" s="3" t="s">
        <v>33</v>
      </c>
      <c r="M230" s="3" t="s">
        <v>938</v>
      </c>
      <c r="N230" s="3" t="s">
        <v>190</v>
      </c>
      <c r="O230" s="3" t="s">
        <v>158</v>
      </c>
      <c r="P230" s="3" t="s">
        <v>37</v>
      </c>
      <c r="Q230" s="3" t="s">
        <v>37</v>
      </c>
      <c r="R230" s="3" t="s">
        <v>39</v>
      </c>
      <c r="S230" s="3" t="s">
        <v>1133</v>
      </c>
      <c r="T230" s="3" t="s">
        <v>37</v>
      </c>
      <c r="U230" s="3" t="s">
        <v>37</v>
      </c>
      <c r="V230" s="3" t="s">
        <v>37</v>
      </c>
    </row>
    <row r="231" spans="1:22" x14ac:dyDescent="0.25">
      <c r="A231" s="3" t="s">
        <v>911</v>
      </c>
      <c r="B231" s="4" t="s">
        <v>654</v>
      </c>
      <c r="C231" s="3" t="s">
        <v>655</v>
      </c>
      <c r="D231" s="5" t="s">
        <v>1047</v>
      </c>
      <c r="E231" s="3" t="s">
        <v>956</v>
      </c>
      <c r="F231" s="3" t="s">
        <v>1262</v>
      </c>
      <c r="G231" s="3" t="s">
        <v>567</v>
      </c>
      <c r="H231" s="3" t="s">
        <v>87</v>
      </c>
      <c r="I231" s="3" t="s">
        <v>37</v>
      </c>
      <c r="J231" s="3" t="s">
        <v>1263</v>
      </c>
      <c r="K231" s="3" t="s">
        <v>32</v>
      </c>
      <c r="L231" s="3" t="s">
        <v>33</v>
      </c>
      <c r="M231" s="3" t="s">
        <v>68</v>
      </c>
      <c r="N231" s="3" t="s">
        <v>190</v>
      </c>
      <c r="O231" s="3" t="s">
        <v>37</v>
      </c>
      <c r="P231" s="3" t="s">
        <v>37</v>
      </c>
      <c r="Q231" s="3" t="s">
        <v>37</v>
      </c>
      <c r="R231" s="3" t="s">
        <v>39</v>
      </c>
      <c r="S231" s="3" t="s">
        <v>1411</v>
      </c>
      <c r="T231" s="3" t="s">
        <v>37</v>
      </c>
      <c r="U231" s="3" t="s">
        <v>37</v>
      </c>
      <c r="V231" s="3" t="s">
        <v>37</v>
      </c>
    </row>
    <row r="232" spans="1:22" x14ac:dyDescent="0.25">
      <c r="A232" s="3" t="s">
        <v>911</v>
      </c>
      <c r="B232" s="4" t="s">
        <v>654</v>
      </c>
      <c r="C232" s="3" t="s">
        <v>655</v>
      </c>
      <c r="D232" s="5" t="s">
        <v>1290</v>
      </c>
      <c r="E232" s="3" t="s">
        <v>956</v>
      </c>
      <c r="F232" s="3" t="s">
        <v>1262</v>
      </c>
      <c r="G232" s="3" t="s">
        <v>425</v>
      </c>
      <c r="H232" s="3" t="s">
        <v>87</v>
      </c>
      <c r="I232" s="3" t="s">
        <v>37</v>
      </c>
      <c r="J232" s="3" t="s">
        <v>1263</v>
      </c>
      <c r="K232" s="3" t="s">
        <v>32</v>
      </c>
      <c r="L232" s="3" t="s">
        <v>33</v>
      </c>
      <c r="M232" s="3" t="s">
        <v>68</v>
      </c>
      <c r="N232" s="3" t="s">
        <v>190</v>
      </c>
      <c r="O232" s="3" t="s">
        <v>37</v>
      </c>
      <c r="P232" s="3" t="s">
        <v>37</v>
      </c>
      <c r="Q232" s="3" t="s">
        <v>37</v>
      </c>
      <c r="R232" s="3" t="s">
        <v>39</v>
      </c>
      <c r="S232" s="3" t="s">
        <v>1347</v>
      </c>
      <c r="T232" s="3" t="s">
        <v>37</v>
      </c>
      <c r="U232" s="3" t="s">
        <v>37</v>
      </c>
      <c r="V232" s="3" t="s">
        <v>37</v>
      </c>
    </row>
    <row r="233" spans="1:22" x14ac:dyDescent="0.25">
      <c r="A233" s="3" t="s">
        <v>911</v>
      </c>
      <c r="B233" s="4" t="s">
        <v>654</v>
      </c>
      <c r="C233" s="3" t="s">
        <v>655</v>
      </c>
      <c r="D233" s="5" t="s">
        <v>219</v>
      </c>
      <c r="E233" s="3" t="s">
        <v>1266</v>
      </c>
      <c r="F233" s="3" t="s">
        <v>1555</v>
      </c>
      <c r="G233" s="3" t="s">
        <v>328</v>
      </c>
      <c r="H233" s="3" t="s">
        <v>29</v>
      </c>
      <c r="I233" s="3" t="s">
        <v>37</v>
      </c>
      <c r="J233" s="3" t="s">
        <v>1268</v>
      </c>
      <c r="K233" s="3" t="s">
        <v>32</v>
      </c>
      <c r="L233" s="3" t="s">
        <v>33</v>
      </c>
      <c r="M233" s="3" t="s">
        <v>68</v>
      </c>
      <c r="N233" s="3" t="s">
        <v>69</v>
      </c>
      <c r="O233" s="3" t="s">
        <v>37</v>
      </c>
      <c r="P233" s="3" t="s">
        <v>37</v>
      </c>
      <c r="Q233" s="3" t="s">
        <v>37</v>
      </c>
      <c r="R233" s="3" t="s">
        <v>39</v>
      </c>
      <c r="S233" s="3" t="s">
        <v>1556</v>
      </c>
      <c r="T233" s="3" t="s">
        <v>37</v>
      </c>
      <c r="U233" s="3" t="s">
        <v>37</v>
      </c>
      <c r="V233" s="3" t="s">
        <v>37</v>
      </c>
    </row>
    <row r="234" spans="1:22" x14ac:dyDescent="0.25">
      <c r="A234" s="3" t="s">
        <v>911</v>
      </c>
      <c r="B234" s="4" t="s">
        <v>654</v>
      </c>
      <c r="C234" s="3" t="s">
        <v>655</v>
      </c>
      <c r="D234" s="5" t="s">
        <v>1561</v>
      </c>
      <c r="E234" s="3" t="s">
        <v>1266</v>
      </c>
      <c r="F234" s="3" t="s">
        <v>1558</v>
      </c>
      <c r="G234" s="3" t="s">
        <v>49</v>
      </c>
      <c r="H234" s="3" t="s">
        <v>29</v>
      </c>
      <c r="I234" s="3" t="s">
        <v>37</v>
      </c>
      <c r="J234" s="3" t="s">
        <v>1268</v>
      </c>
      <c r="K234" s="3" t="s">
        <v>32</v>
      </c>
      <c r="L234" s="3" t="s">
        <v>33</v>
      </c>
      <c r="M234" s="3" t="s">
        <v>68</v>
      </c>
      <c r="N234" s="3" t="s">
        <v>69</v>
      </c>
      <c r="O234" s="3" t="s">
        <v>37</v>
      </c>
      <c r="P234" s="3" t="s">
        <v>37</v>
      </c>
      <c r="Q234" s="3" t="s">
        <v>37</v>
      </c>
      <c r="R234" s="3" t="s">
        <v>39</v>
      </c>
      <c r="S234" s="3" t="s">
        <v>1559</v>
      </c>
      <c r="T234" s="3" t="s">
        <v>37</v>
      </c>
      <c r="U234" s="3" t="s">
        <v>37</v>
      </c>
      <c r="V234" s="3" t="s">
        <v>37</v>
      </c>
    </row>
    <row r="235" spans="1:22" x14ac:dyDescent="0.25">
      <c r="A235" s="3" t="s">
        <v>911</v>
      </c>
      <c r="B235" s="4" t="s">
        <v>654</v>
      </c>
      <c r="C235" s="3" t="s">
        <v>655</v>
      </c>
      <c r="D235" s="5" t="s">
        <v>390</v>
      </c>
      <c r="E235" s="3" t="s">
        <v>996</v>
      </c>
      <c r="F235" s="3" t="s">
        <v>1412</v>
      </c>
      <c r="G235" s="3" t="s">
        <v>344</v>
      </c>
      <c r="H235" s="3" t="s">
        <v>59</v>
      </c>
      <c r="I235" s="3" t="s">
        <v>37</v>
      </c>
      <c r="J235" s="3" t="s">
        <v>1413</v>
      </c>
      <c r="K235" s="3" t="s">
        <v>32</v>
      </c>
      <c r="L235" s="3" t="s">
        <v>33</v>
      </c>
      <c r="M235" s="3" t="s">
        <v>68</v>
      </c>
      <c r="N235" s="3" t="s">
        <v>69</v>
      </c>
      <c r="O235" s="3" t="s">
        <v>223</v>
      </c>
      <c r="P235" s="3" t="s">
        <v>37</v>
      </c>
      <c r="Q235" s="3" t="s">
        <v>37</v>
      </c>
      <c r="R235" s="3" t="s">
        <v>39</v>
      </c>
      <c r="S235" s="3" t="s">
        <v>1414</v>
      </c>
      <c r="T235" s="3" t="s">
        <v>37</v>
      </c>
      <c r="U235" s="3" t="s">
        <v>37</v>
      </c>
      <c r="V235" s="3" t="s">
        <v>37</v>
      </c>
    </row>
    <row r="236" spans="1:22" x14ac:dyDescent="0.25">
      <c r="A236" s="3" t="s">
        <v>911</v>
      </c>
      <c r="B236" s="4" t="s">
        <v>654</v>
      </c>
      <c r="C236" s="3" t="s">
        <v>655</v>
      </c>
      <c r="D236" s="5" t="s">
        <v>230</v>
      </c>
      <c r="E236" s="3" t="s">
        <v>521</v>
      </c>
      <c r="F236" s="3" t="s">
        <v>1415</v>
      </c>
      <c r="G236" s="3" t="s">
        <v>613</v>
      </c>
      <c r="H236" s="3" t="s">
        <v>87</v>
      </c>
      <c r="I236" s="3" t="s">
        <v>523</v>
      </c>
      <c r="J236" s="3" t="s">
        <v>1416</v>
      </c>
      <c r="K236" s="3" t="s">
        <v>32</v>
      </c>
      <c r="L236" s="3" t="s">
        <v>33</v>
      </c>
      <c r="M236" s="3" t="s">
        <v>34</v>
      </c>
      <c r="N236" s="3" t="s">
        <v>190</v>
      </c>
      <c r="O236" s="3" t="s">
        <v>223</v>
      </c>
      <c r="P236" s="3" t="s">
        <v>37</v>
      </c>
      <c r="Q236" s="3" t="s">
        <v>37</v>
      </c>
      <c r="R236" s="3" t="s">
        <v>39</v>
      </c>
      <c r="S236" s="3" t="s">
        <v>1417</v>
      </c>
      <c r="T236" s="3" t="s">
        <v>37</v>
      </c>
      <c r="U236" s="3" t="s">
        <v>37</v>
      </c>
      <c r="V236" s="3" t="s">
        <v>37</v>
      </c>
    </row>
    <row r="237" spans="1:22" x14ac:dyDescent="0.25">
      <c r="A237" s="3" t="s">
        <v>911</v>
      </c>
      <c r="B237" s="4" t="s">
        <v>654</v>
      </c>
      <c r="C237" s="3" t="s">
        <v>655</v>
      </c>
      <c r="D237" s="5" t="s">
        <v>1057</v>
      </c>
      <c r="E237" s="3" t="s">
        <v>1026</v>
      </c>
      <c r="F237" s="3" t="s">
        <v>1418</v>
      </c>
      <c r="G237" s="3" t="s">
        <v>513</v>
      </c>
      <c r="H237" s="3" t="s">
        <v>87</v>
      </c>
      <c r="I237" s="3" t="s">
        <v>37</v>
      </c>
      <c r="J237" s="3" t="s">
        <v>1419</v>
      </c>
      <c r="K237" s="3" t="s">
        <v>32</v>
      </c>
      <c r="L237" s="3" t="s">
        <v>33</v>
      </c>
      <c r="M237" s="3" t="s">
        <v>68</v>
      </c>
      <c r="N237" s="3" t="s">
        <v>69</v>
      </c>
      <c r="O237" s="3" t="s">
        <v>53</v>
      </c>
      <c r="P237" s="3" t="s">
        <v>37</v>
      </c>
      <c r="Q237" s="3" t="s">
        <v>37</v>
      </c>
      <c r="R237" s="3" t="s">
        <v>39</v>
      </c>
      <c r="S237" s="3" t="s">
        <v>1420</v>
      </c>
      <c r="T237" s="3" t="s">
        <v>37</v>
      </c>
      <c r="U237" s="3" t="s">
        <v>37</v>
      </c>
      <c r="V237" s="3" t="s">
        <v>37</v>
      </c>
    </row>
    <row r="238" spans="1:22" x14ac:dyDescent="0.25">
      <c r="A238" s="3" t="s">
        <v>911</v>
      </c>
      <c r="B238" s="4" t="s">
        <v>654</v>
      </c>
      <c r="C238" s="3" t="s">
        <v>655</v>
      </c>
      <c r="D238" s="5" t="s">
        <v>239</v>
      </c>
      <c r="E238" s="3" t="s">
        <v>1031</v>
      </c>
      <c r="F238" s="3" t="s">
        <v>1421</v>
      </c>
      <c r="G238" s="3" t="s">
        <v>1422</v>
      </c>
      <c r="H238" s="3" t="s">
        <v>87</v>
      </c>
      <c r="I238" s="3" t="s">
        <v>1033</v>
      </c>
      <c r="J238" s="3" t="s">
        <v>1423</v>
      </c>
      <c r="K238" s="3" t="s">
        <v>32</v>
      </c>
      <c r="L238" s="3" t="s">
        <v>33</v>
      </c>
      <c r="M238" s="3" t="s">
        <v>68</v>
      </c>
      <c r="N238" s="3" t="s">
        <v>52</v>
      </c>
      <c r="O238" s="3" t="s">
        <v>36</v>
      </c>
      <c r="P238" s="3" t="s">
        <v>37</v>
      </c>
      <c r="Q238" s="3" t="s">
        <v>37</v>
      </c>
      <c r="R238" s="3" t="s">
        <v>39</v>
      </c>
      <c r="S238" s="3" t="s">
        <v>1424</v>
      </c>
      <c r="T238" s="3" t="s">
        <v>37</v>
      </c>
      <c r="U238" s="3" t="s">
        <v>37</v>
      </c>
      <c r="V238" s="3" t="s">
        <v>37</v>
      </c>
    </row>
    <row r="239" spans="1:22" x14ac:dyDescent="0.25">
      <c r="A239" s="3" t="s">
        <v>911</v>
      </c>
      <c r="B239" s="4" t="s">
        <v>654</v>
      </c>
      <c r="C239" s="3" t="s">
        <v>655</v>
      </c>
      <c r="D239" s="5" t="s">
        <v>1064</v>
      </c>
      <c r="E239" s="3" t="s">
        <v>923</v>
      </c>
      <c r="F239" s="3" t="s">
        <v>1158</v>
      </c>
      <c r="G239" s="3" t="s">
        <v>87</v>
      </c>
      <c r="H239" s="3" t="s">
        <v>29</v>
      </c>
      <c r="I239" s="3" t="s">
        <v>925</v>
      </c>
      <c r="J239" s="3" t="s">
        <v>1159</v>
      </c>
      <c r="K239" s="3" t="s">
        <v>32</v>
      </c>
      <c r="L239" s="3" t="s">
        <v>33</v>
      </c>
      <c r="M239" s="3" t="s">
        <v>34</v>
      </c>
      <c r="N239" s="3" t="s">
        <v>69</v>
      </c>
      <c r="O239" s="3" t="s">
        <v>53</v>
      </c>
      <c r="P239" s="3" t="s">
        <v>37</v>
      </c>
      <c r="Q239" s="3" t="s">
        <v>37</v>
      </c>
      <c r="R239" s="3" t="s">
        <v>39</v>
      </c>
      <c r="S239" s="3" t="s">
        <v>1160</v>
      </c>
      <c r="T239" s="3" t="s">
        <v>37</v>
      </c>
      <c r="U239" s="3" t="s">
        <v>37</v>
      </c>
      <c r="V239" s="3" t="s">
        <v>37</v>
      </c>
    </row>
    <row r="240" spans="1:22" x14ac:dyDescent="0.25">
      <c r="A240" s="3"/>
      <c r="B240" s="4"/>
      <c r="C240" s="3"/>
      <c r="D240" s="5"/>
      <c r="E240" s="6" t="s">
        <v>1065</v>
      </c>
      <c r="F240" s="3"/>
      <c r="G240" s="3"/>
      <c r="H240" s="3"/>
      <c r="I240" s="3"/>
      <c r="J240" s="3"/>
      <c r="K240" s="3"/>
      <c r="L240" s="3"/>
      <c r="M240" s="3"/>
      <c r="N240" s="3"/>
      <c r="O240" s="3"/>
      <c r="P240" s="3"/>
      <c r="Q240" s="3"/>
      <c r="R240" s="3"/>
      <c r="S240" s="3"/>
      <c r="T240" s="3"/>
      <c r="U240" s="3"/>
      <c r="V240" s="3"/>
    </row>
    <row r="241" spans="1:22" x14ac:dyDescent="0.25">
      <c r="A241" s="3"/>
      <c r="B241" s="4"/>
      <c r="C241" s="3"/>
      <c r="D241" s="5"/>
      <c r="E241" s="3"/>
      <c r="F241" s="3"/>
      <c r="G241" s="3"/>
      <c r="H241" s="3"/>
      <c r="I241" s="3"/>
      <c r="J241" s="3"/>
      <c r="K241" s="3"/>
      <c r="L241" s="3"/>
      <c r="M241" s="3"/>
      <c r="N241" s="3"/>
      <c r="O241" s="3"/>
      <c r="P241" s="3"/>
      <c r="Q241" s="3"/>
      <c r="R241" s="3"/>
      <c r="S241" s="3"/>
      <c r="T241" s="3"/>
      <c r="U241" s="3"/>
      <c r="V241" s="3"/>
    </row>
    <row r="242" spans="1:22" x14ac:dyDescent="0.25">
      <c r="A242" s="3" t="s">
        <v>911</v>
      </c>
      <c r="B242" s="4" t="s">
        <v>729</v>
      </c>
      <c r="C242" s="3" t="s">
        <v>730</v>
      </c>
      <c r="D242" s="5" t="s">
        <v>25</v>
      </c>
      <c r="E242" s="3" t="s">
        <v>912</v>
      </c>
      <c r="F242" s="3" t="s">
        <v>1428</v>
      </c>
      <c r="G242" s="3" t="s">
        <v>439</v>
      </c>
      <c r="H242" s="3" t="s">
        <v>29</v>
      </c>
      <c r="I242" s="3" t="s">
        <v>920</v>
      </c>
      <c r="J242" s="3" t="s">
        <v>1429</v>
      </c>
      <c r="K242" s="3" t="s">
        <v>32</v>
      </c>
      <c r="L242" s="3" t="s">
        <v>33</v>
      </c>
      <c r="M242" s="3" t="s">
        <v>68</v>
      </c>
      <c r="N242" s="3" t="s">
        <v>916</v>
      </c>
      <c r="O242" s="3" t="s">
        <v>223</v>
      </c>
      <c r="P242" s="3" t="s">
        <v>37</v>
      </c>
      <c r="Q242" s="3" t="s">
        <v>37</v>
      </c>
      <c r="R242" s="3" t="s">
        <v>39</v>
      </c>
      <c r="S242" s="3" t="s">
        <v>1430</v>
      </c>
      <c r="T242" s="3" t="s">
        <v>37</v>
      </c>
      <c r="U242" s="3" t="s">
        <v>37</v>
      </c>
      <c r="V242" s="3" t="s">
        <v>37</v>
      </c>
    </row>
    <row r="243" spans="1:22" x14ac:dyDescent="0.25">
      <c r="A243" s="3" t="s">
        <v>911</v>
      </c>
      <c r="B243" s="4" t="s">
        <v>729</v>
      </c>
      <c r="C243" s="3" t="s">
        <v>730</v>
      </c>
      <c r="D243" s="5" t="s">
        <v>918</v>
      </c>
      <c r="E243" s="3" t="s">
        <v>912</v>
      </c>
      <c r="F243" s="3" t="s">
        <v>1431</v>
      </c>
      <c r="G243" s="3" t="s">
        <v>563</v>
      </c>
      <c r="H243" s="3" t="s">
        <v>29</v>
      </c>
      <c r="I243" s="3" t="s">
        <v>920</v>
      </c>
      <c r="J243" s="3" t="s">
        <v>1432</v>
      </c>
      <c r="K243" s="3" t="s">
        <v>32</v>
      </c>
      <c r="L243" s="3" t="s">
        <v>33</v>
      </c>
      <c r="M243" s="3" t="s">
        <v>68</v>
      </c>
      <c r="N243" s="3" t="s">
        <v>916</v>
      </c>
      <c r="O243" s="3" t="s">
        <v>223</v>
      </c>
      <c r="P243" s="3" t="s">
        <v>37</v>
      </c>
      <c r="Q243" s="3" t="s">
        <v>37</v>
      </c>
      <c r="R243" s="3" t="s">
        <v>39</v>
      </c>
      <c r="S243" s="3" t="s">
        <v>1433</v>
      </c>
      <c r="T243" s="3" t="s">
        <v>37</v>
      </c>
      <c r="U243" s="3" t="s">
        <v>37</v>
      </c>
      <c r="V243" s="3" t="s">
        <v>37</v>
      </c>
    </row>
    <row r="244" spans="1:22" x14ac:dyDescent="0.25">
      <c r="A244" s="3" t="s">
        <v>911</v>
      </c>
      <c r="B244" s="4" t="s">
        <v>729</v>
      </c>
      <c r="C244" s="3" t="s">
        <v>730</v>
      </c>
      <c r="D244" s="5" t="s">
        <v>46</v>
      </c>
      <c r="E244" s="3" t="s">
        <v>934</v>
      </c>
      <c r="F244" s="3" t="s">
        <v>1405</v>
      </c>
      <c r="G244" s="3" t="s">
        <v>242</v>
      </c>
      <c r="H244" s="3" t="s">
        <v>29</v>
      </c>
      <c r="I244" s="3" t="s">
        <v>936</v>
      </c>
      <c r="J244" s="8" t="s">
        <v>937</v>
      </c>
      <c r="K244" s="3" t="s">
        <v>32</v>
      </c>
      <c r="L244" s="3" t="s">
        <v>33</v>
      </c>
      <c r="M244" s="3" t="s">
        <v>938</v>
      </c>
      <c r="N244" s="3" t="s">
        <v>190</v>
      </c>
      <c r="O244" s="3" t="s">
        <v>158</v>
      </c>
      <c r="P244" s="3" t="s">
        <v>37</v>
      </c>
      <c r="Q244" s="3" t="s">
        <v>37</v>
      </c>
      <c r="R244" s="3" t="s">
        <v>39</v>
      </c>
      <c r="S244" s="3" t="s">
        <v>1406</v>
      </c>
      <c r="T244" s="3" t="s">
        <v>37</v>
      </c>
      <c r="U244" s="3" t="s">
        <v>37</v>
      </c>
      <c r="V244" s="3" t="s">
        <v>37</v>
      </c>
    </row>
    <row r="245" spans="1:22" x14ac:dyDescent="0.25">
      <c r="A245" s="3" t="s">
        <v>911</v>
      </c>
      <c r="B245" s="4" t="s">
        <v>729</v>
      </c>
      <c r="C245" s="3" t="s">
        <v>730</v>
      </c>
      <c r="D245" s="5" t="s">
        <v>1179</v>
      </c>
      <c r="E245" s="3" t="s">
        <v>934</v>
      </c>
      <c r="F245" s="3" t="s">
        <v>1136</v>
      </c>
      <c r="G245" s="3" t="s">
        <v>592</v>
      </c>
      <c r="H245" s="3" t="s">
        <v>29</v>
      </c>
      <c r="I245" s="3" t="s">
        <v>936</v>
      </c>
      <c r="J245" s="8" t="s">
        <v>937</v>
      </c>
      <c r="K245" s="3" t="s">
        <v>32</v>
      </c>
      <c r="L245" s="3" t="s">
        <v>33</v>
      </c>
      <c r="M245" s="3" t="s">
        <v>938</v>
      </c>
      <c r="N245" s="3" t="s">
        <v>190</v>
      </c>
      <c r="O245" s="3" t="s">
        <v>158</v>
      </c>
      <c r="P245" s="3" t="s">
        <v>37</v>
      </c>
      <c r="Q245" s="3" t="s">
        <v>37</v>
      </c>
      <c r="R245" s="3" t="s">
        <v>39</v>
      </c>
      <c r="S245" s="3" t="s">
        <v>1137</v>
      </c>
      <c r="T245" s="3" t="s">
        <v>37</v>
      </c>
      <c r="U245" s="3" t="s">
        <v>37</v>
      </c>
      <c r="V245" s="3" t="s">
        <v>37</v>
      </c>
    </row>
    <row r="246" spans="1:22" x14ac:dyDescent="0.25">
      <c r="A246" s="3" t="s">
        <v>911</v>
      </c>
      <c r="B246" s="4" t="s">
        <v>729</v>
      </c>
      <c r="C246" s="3" t="s">
        <v>730</v>
      </c>
      <c r="D246" s="5" t="s">
        <v>1182</v>
      </c>
      <c r="E246" s="3" t="s">
        <v>934</v>
      </c>
      <c r="F246" s="3" t="s">
        <v>1176</v>
      </c>
      <c r="G246" s="3" t="s">
        <v>310</v>
      </c>
      <c r="H246" s="3" t="s">
        <v>29</v>
      </c>
      <c r="I246" s="3" t="s">
        <v>936</v>
      </c>
      <c r="J246" s="3" t="s">
        <v>1177</v>
      </c>
      <c r="K246" s="3" t="s">
        <v>32</v>
      </c>
      <c r="L246" s="3" t="s">
        <v>33</v>
      </c>
      <c r="M246" s="3" t="s">
        <v>938</v>
      </c>
      <c r="N246" s="3" t="s">
        <v>190</v>
      </c>
      <c r="O246" s="3" t="s">
        <v>158</v>
      </c>
      <c r="P246" s="3" t="s">
        <v>37</v>
      </c>
      <c r="Q246" s="3" t="s">
        <v>37</v>
      </c>
      <c r="R246" s="3" t="s">
        <v>39</v>
      </c>
      <c r="S246" s="3" t="s">
        <v>1178</v>
      </c>
      <c r="T246" s="3" t="s">
        <v>37</v>
      </c>
      <c r="U246" s="3" t="s">
        <v>37</v>
      </c>
      <c r="V246" s="3" t="s">
        <v>37</v>
      </c>
    </row>
    <row r="247" spans="1:22" x14ac:dyDescent="0.25">
      <c r="A247" s="3" t="s">
        <v>911</v>
      </c>
      <c r="B247" s="4" t="s">
        <v>729</v>
      </c>
      <c r="C247" s="3" t="s">
        <v>730</v>
      </c>
      <c r="D247" s="5" t="s">
        <v>928</v>
      </c>
      <c r="E247" s="3" t="s">
        <v>934</v>
      </c>
      <c r="F247" s="3" t="s">
        <v>1180</v>
      </c>
      <c r="G247" s="3" t="s">
        <v>714</v>
      </c>
      <c r="H247" s="3" t="s">
        <v>29</v>
      </c>
      <c r="I247" s="3" t="s">
        <v>936</v>
      </c>
      <c r="J247" s="8" t="s">
        <v>937</v>
      </c>
      <c r="K247" s="3" t="s">
        <v>32</v>
      </c>
      <c r="L247" s="3" t="s">
        <v>33</v>
      </c>
      <c r="M247" s="3" t="s">
        <v>938</v>
      </c>
      <c r="N247" s="3" t="s">
        <v>190</v>
      </c>
      <c r="O247" s="3" t="s">
        <v>158</v>
      </c>
      <c r="P247" s="3" t="s">
        <v>37</v>
      </c>
      <c r="Q247" s="3" t="s">
        <v>37</v>
      </c>
      <c r="R247" s="3" t="s">
        <v>39</v>
      </c>
      <c r="S247" s="3" t="s">
        <v>1181</v>
      </c>
      <c r="T247" s="3" t="s">
        <v>37</v>
      </c>
      <c r="U247" s="3" t="s">
        <v>37</v>
      </c>
      <c r="V247" s="3" t="s">
        <v>37</v>
      </c>
    </row>
    <row r="248" spans="1:22" x14ac:dyDescent="0.25">
      <c r="A248" s="3" t="s">
        <v>911</v>
      </c>
      <c r="B248" s="4" t="s">
        <v>729</v>
      </c>
      <c r="C248" s="3" t="s">
        <v>730</v>
      </c>
      <c r="D248" s="5" t="s">
        <v>1187</v>
      </c>
      <c r="E248" s="3" t="s">
        <v>934</v>
      </c>
      <c r="F248" s="3" t="s">
        <v>1183</v>
      </c>
      <c r="G248" s="3" t="s">
        <v>706</v>
      </c>
      <c r="H248" s="3" t="s">
        <v>29</v>
      </c>
      <c r="I248" s="3" t="s">
        <v>942</v>
      </c>
      <c r="J248" s="8" t="s">
        <v>937</v>
      </c>
      <c r="K248" s="3" t="s">
        <v>32</v>
      </c>
      <c r="L248" s="3" t="s">
        <v>33</v>
      </c>
      <c r="M248" s="3" t="s">
        <v>938</v>
      </c>
      <c r="N248" s="3" t="s">
        <v>190</v>
      </c>
      <c r="O248" s="3" t="s">
        <v>158</v>
      </c>
      <c r="P248" s="3" t="s">
        <v>37</v>
      </c>
      <c r="Q248" s="3" t="s">
        <v>37</v>
      </c>
      <c r="R248" s="3" t="s">
        <v>39</v>
      </c>
      <c r="S248" s="3" t="s">
        <v>1184</v>
      </c>
      <c r="T248" s="3" t="s">
        <v>37</v>
      </c>
      <c r="U248" s="3" t="s">
        <v>37</v>
      </c>
      <c r="V248" s="3" t="s">
        <v>37</v>
      </c>
    </row>
    <row r="249" spans="1:22" x14ac:dyDescent="0.25">
      <c r="A249" s="3" t="s">
        <v>911</v>
      </c>
      <c r="B249" s="4" t="s">
        <v>729</v>
      </c>
      <c r="C249" s="3" t="s">
        <v>730</v>
      </c>
      <c r="D249" s="5" t="s">
        <v>663</v>
      </c>
      <c r="E249" s="3" t="s">
        <v>934</v>
      </c>
      <c r="F249" s="3" t="s">
        <v>1185</v>
      </c>
      <c r="G249" s="3" t="s">
        <v>798</v>
      </c>
      <c r="H249" s="3" t="s">
        <v>29</v>
      </c>
      <c r="I249" s="3" t="s">
        <v>942</v>
      </c>
      <c r="J249" s="8" t="s">
        <v>937</v>
      </c>
      <c r="K249" s="3" t="s">
        <v>32</v>
      </c>
      <c r="L249" s="3" t="s">
        <v>33</v>
      </c>
      <c r="M249" s="3" t="s">
        <v>938</v>
      </c>
      <c r="N249" s="3" t="s">
        <v>190</v>
      </c>
      <c r="O249" s="3" t="s">
        <v>158</v>
      </c>
      <c r="P249" s="3" t="s">
        <v>37</v>
      </c>
      <c r="Q249" s="3" t="s">
        <v>37</v>
      </c>
      <c r="R249" s="3" t="s">
        <v>39</v>
      </c>
      <c r="S249" s="3" t="s">
        <v>1186</v>
      </c>
      <c r="T249" s="3" t="s">
        <v>37</v>
      </c>
      <c r="U249" s="3" t="s">
        <v>37</v>
      </c>
      <c r="V249" s="3" t="s">
        <v>37</v>
      </c>
    </row>
    <row r="250" spans="1:22" x14ac:dyDescent="0.25">
      <c r="A250" s="3" t="s">
        <v>911</v>
      </c>
      <c r="B250" s="4" t="s">
        <v>729</v>
      </c>
      <c r="C250" s="3" t="s">
        <v>730</v>
      </c>
      <c r="D250" s="5" t="s">
        <v>933</v>
      </c>
      <c r="E250" s="3" t="s">
        <v>521</v>
      </c>
      <c r="F250" s="3" t="s">
        <v>1434</v>
      </c>
      <c r="G250" s="3" t="s">
        <v>375</v>
      </c>
      <c r="H250" s="3" t="s">
        <v>59</v>
      </c>
      <c r="I250" s="3" t="s">
        <v>523</v>
      </c>
      <c r="J250" s="3" t="s">
        <v>1435</v>
      </c>
      <c r="K250" s="3" t="s">
        <v>32</v>
      </c>
      <c r="L250" s="3" t="s">
        <v>37</v>
      </c>
      <c r="M250" s="3" t="s">
        <v>34</v>
      </c>
      <c r="N250" s="3" t="s">
        <v>77</v>
      </c>
      <c r="O250" s="3" t="s">
        <v>223</v>
      </c>
      <c r="P250" s="3" t="s">
        <v>37</v>
      </c>
      <c r="Q250" s="3" t="s">
        <v>37</v>
      </c>
      <c r="R250" s="3" t="s">
        <v>39</v>
      </c>
      <c r="S250" s="3" t="s">
        <v>1436</v>
      </c>
      <c r="T250" s="3" t="s">
        <v>37</v>
      </c>
      <c r="U250" s="3" t="s">
        <v>37</v>
      </c>
      <c r="V250" s="3" t="s">
        <v>37</v>
      </c>
    </row>
    <row r="251" spans="1:22" x14ac:dyDescent="0.25">
      <c r="A251" s="3" t="s">
        <v>911</v>
      </c>
      <c r="B251" s="4" t="s">
        <v>729</v>
      </c>
      <c r="C251" s="3" t="s">
        <v>730</v>
      </c>
      <c r="D251" s="5" t="s">
        <v>946</v>
      </c>
      <c r="E251" s="3" t="s">
        <v>521</v>
      </c>
      <c r="F251" s="3" t="s">
        <v>1437</v>
      </c>
      <c r="G251" s="3" t="s">
        <v>305</v>
      </c>
      <c r="H251" s="3" t="s">
        <v>59</v>
      </c>
      <c r="I251" s="3" t="s">
        <v>523</v>
      </c>
      <c r="J251" s="3" t="s">
        <v>1438</v>
      </c>
      <c r="K251" s="3" t="s">
        <v>32</v>
      </c>
      <c r="L251" s="3" t="s">
        <v>37</v>
      </c>
      <c r="M251" s="3" t="s">
        <v>34</v>
      </c>
      <c r="N251" s="3" t="s">
        <v>77</v>
      </c>
      <c r="O251" s="3" t="s">
        <v>223</v>
      </c>
      <c r="P251" s="3" t="s">
        <v>37</v>
      </c>
      <c r="Q251" s="3" t="s">
        <v>37</v>
      </c>
      <c r="R251" s="3" t="s">
        <v>39</v>
      </c>
      <c r="S251" s="3" t="s">
        <v>1439</v>
      </c>
      <c r="T251" s="3" t="s">
        <v>37</v>
      </c>
      <c r="U251" s="3" t="s">
        <v>37</v>
      </c>
      <c r="V251" s="3" t="s">
        <v>37</v>
      </c>
    </row>
    <row r="252" spans="1:22" x14ac:dyDescent="0.25">
      <c r="A252" s="3" t="s">
        <v>911</v>
      </c>
      <c r="B252" s="4" t="s">
        <v>729</v>
      </c>
      <c r="C252" s="3" t="s">
        <v>730</v>
      </c>
      <c r="D252" s="5" t="s">
        <v>955</v>
      </c>
      <c r="E252" s="3" t="s">
        <v>929</v>
      </c>
      <c r="F252" s="3" t="s">
        <v>1073</v>
      </c>
      <c r="G252" s="3" t="s">
        <v>221</v>
      </c>
      <c r="H252" s="3" t="s">
        <v>29</v>
      </c>
      <c r="I252" s="3" t="s">
        <v>37</v>
      </c>
      <c r="J252" s="7" t="s">
        <v>931</v>
      </c>
      <c r="K252" s="3" t="s">
        <v>32</v>
      </c>
      <c r="L252" s="3" t="s">
        <v>33</v>
      </c>
      <c r="M252" s="3" t="s">
        <v>68</v>
      </c>
      <c r="N252" s="3" t="s">
        <v>69</v>
      </c>
      <c r="O252" s="3" t="s">
        <v>53</v>
      </c>
      <c r="P252" s="3" t="s">
        <v>37</v>
      </c>
      <c r="Q252" s="3" t="s">
        <v>37</v>
      </c>
      <c r="R252" s="3" t="s">
        <v>39</v>
      </c>
      <c r="S252" s="3" t="s">
        <v>1074</v>
      </c>
      <c r="T252" s="3" t="s">
        <v>37</v>
      </c>
      <c r="U252" s="3" t="s">
        <v>37</v>
      </c>
      <c r="V252" s="3" t="s">
        <v>37</v>
      </c>
    </row>
    <row r="253" spans="1:22" x14ac:dyDescent="0.25">
      <c r="A253" s="3" t="s">
        <v>911</v>
      </c>
      <c r="B253" s="4" t="s">
        <v>729</v>
      </c>
      <c r="C253" s="3" t="s">
        <v>730</v>
      </c>
      <c r="D253" s="5" t="s">
        <v>960</v>
      </c>
      <c r="E253" s="3" t="s">
        <v>929</v>
      </c>
      <c r="F253" s="3" t="s">
        <v>994</v>
      </c>
      <c r="G253" s="3" t="s">
        <v>227</v>
      </c>
      <c r="H253" s="3" t="s">
        <v>29</v>
      </c>
      <c r="I253" s="3" t="s">
        <v>37</v>
      </c>
      <c r="J253" s="7" t="s">
        <v>931</v>
      </c>
      <c r="K253" s="3" t="s">
        <v>32</v>
      </c>
      <c r="L253" s="3" t="s">
        <v>33</v>
      </c>
      <c r="M253" s="3" t="s">
        <v>68</v>
      </c>
      <c r="N253" s="3" t="s">
        <v>69</v>
      </c>
      <c r="O253" s="3" t="s">
        <v>53</v>
      </c>
      <c r="P253" s="3" t="s">
        <v>37</v>
      </c>
      <c r="Q253" s="3" t="s">
        <v>37</v>
      </c>
      <c r="R253" s="3" t="s">
        <v>39</v>
      </c>
      <c r="S253" s="3" t="s">
        <v>995</v>
      </c>
      <c r="T253" s="3" t="s">
        <v>37</v>
      </c>
      <c r="U253" s="3" t="s">
        <v>37</v>
      </c>
      <c r="V253" s="3" t="s">
        <v>37</v>
      </c>
    </row>
    <row r="254" spans="1:22" x14ac:dyDescent="0.25">
      <c r="A254" s="3" t="s">
        <v>911</v>
      </c>
      <c r="B254" s="4" t="s">
        <v>729</v>
      </c>
      <c r="C254" s="3" t="s">
        <v>730</v>
      </c>
      <c r="D254" s="5" t="s">
        <v>964</v>
      </c>
      <c r="E254" s="3" t="s">
        <v>1206</v>
      </c>
      <c r="F254" s="3" t="s">
        <v>1440</v>
      </c>
      <c r="G254" s="3" t="s">
        <v>714</v>
      </c>
      <c r="H254" s="3" t="s">
        <v>59</v>
      </c>
      <c r="I254" s="3" t="s">
        <v>1310</v>
      </c>
      <c r="J254" s="3" t="s">
        <v>1441</v>
      </c>
      <c r="K254" s="3" t="s">
        <v>32</v>
      </c>
      <c r="L254" s="3" t="s">
        <v>33</v>
      </c>
      <c r="M254" s="3" t="s">
        <v>68</v>
      </c>
      <c r="N254" s="3" t="s">
        <v>69</v>
      </c>
      <c r="O254" s="3" t="s">
        <v>223</v>
      </c>
      <c r="P254" s="3" t="s">
        <v>37</v>
      </c>
      <c r="Q254" s="3" t="s">
        <v>37</v>
      </c>
      <c r="R254" s="3" t="s">
        <v>39</v>
      </c>
      <c r="S254" s="3" t="s">
        <v>1442</v>
      </c>
      <c r="T254" s="3" t="s">
        <v>37</v>
      </c>
      <c r="U254" s="3" t="s">
        <v>37</v>
      </c>
      <c r="V254" s="3" t="s">
        <v>37</v>
      </c>
    </row>
    <row r="255" spans="1:22" x14ac:dyDescent="0.25">
      <c r="A255" s="3" t="s">
        <v>911</v>
      </c>
      <c r="B255" s="4" t="s">
        <v>729</v>
      </c>
      <c r="C255" s="3" t="s">
        <v>730</v>
      </c>
      <c r="D255" s="5" t="s">
        <v>969</v>
      </c>
      <c r="E255" s="3" t="s">
        <v>1206</v>
      </c>
      <c r="F255" s="3" t="s">
        <v>1443</v>
      </c>
      <c r="G255" s="3" t="s">
        <v>74</v>
      </c>
      <c r="H255" s="3" t="s">
        <v>59</v>
      </c>
      <c r="I255" s="3" t="s">
        <v>1216</v>
      </c>
      <c r="J255" s="3" t="s">
        <v>1444</v>
      </c>
      <c r="K255" s="3" t="s">
        <v>32</v>
      </c>
      <c r="L255" s="3" t="s">
        <v>33</v>
      </c>
      <c r="M255" s="3" t="s">
        <v>68</v>
      </c>
      <c r="N255" s="3" t="s">
        <v>69</v>
      </c>
      <c r="O255" s="3" t="s">
        <v>223</v>
      </c>
      <c r="P255" s="3" t="s">
        <v>37</v>
      </c>
      <c r="Q255" s="3" t="s">
        <v>37</v>
      </c>
      <c r="R255" s="3" t="s">
        <v>39</v>
      </c>
      <c r="S255" s="3" t="s">
        <v>1445</v>
      </c>
      <c r="T255" s="3" t="s">
        <v>37</v>
      </c>
      <c r="U255" s="3" t="s">
        <v>37</v>
      </c>
      <c r="V255" s="3" t="s">
        <v>37</v>
      </c>
    </row>
    <row r="256" spans="1:22" x14ac:dyDescent="0.25">
      <c r="A256" s="3" t="s">
        <v>911</v>
      </c>
      <c r="B256" s="4" t="s">
        <v>729</v>
      </c>
      <c r="C256" s="3" t="s">
        <v>730</v>
      </c>
      <c r="D256" s="5" t="s">
        <v>105</v>
      </c>
      <c r="E256" s="3" t="s">
        <v>1206</v>
      </c>
      <c r="F256" s="3" t="s">
        <v>1446</v>
      </c>
      <c r="G256" s="3" t="s">
        <v>86</v>
      </c>
      <c r="H256" s="3" t="s">
        <v>59</v>
      </c>
      <c r="I256" s="3" t="s">
        <v>1447</v>
      </c>
      <c r="J256" s="3" t="s">
        <v>1448</v>
      </c>
      <c r="K256" s="3" t="s">
        <v>32</v>
      </c>
      <c r="L256" s="3" t="s">
        <v>33</v>
      </c>
      <c r="M256" s="3" t="s">
        <v>68</v>
      </c>
      <c r="N256" s="3" t="s">
        <v>69</v>
      </c>
      <c r="O256" s="3" t="s">
        <v>223</v>
      </c>
      <c r="P256" s="3" t="s">
        <v>37</v>
      </c>
      <c r="Q256" s="3" t="s">
        <v>37</v>
      </c>
      <c r="R256" s="3" t="s">
        <v>39</v>
      </c>
      <c r="S256" s="3" t="s">
        <v>1449</v>
      </c>
      <c r="T256" s="3" t="s">
        <v>37</v>
      </c>
      <c r="U256" s="3" t="s">
        <v>37</v>
      </c>
      <c r="V256" s="3" t="s">
        <v>37</v>
      </c>
    </row>
    <row r="257" spans="1:22" x14ac:dyDescent="0.25">
      <c r="A257" s="3" t="s">
        <v>911</v>
      </c>
      <c r="B257" s="4" t="s">
        <v>729</v>
      </c>
      <c r="C257" s="3" t="s">
        <v>730</v>
      </c>
      <c r="D257" s="5" t="s">
        <v>685</v>
      </c>
      <c r="E257" s="3" t="s">
        <v>521</v>
      </c>
      <c r="F257" s="3" t="s">
        <v>1450</v>
      </c>
      <c r="G257" s="3" t="s">
        <v>176</v>
      </c>
      <c r="H257" s="3" t="s">
        <v>59</v>
      </c>
      <c r="I257" s="3" t="s">
        <v>523</v>
      </c>
      <c r="J257" s="3" t="s">
        <v>1451</v>
      </c>
      <c r="K257" s="3" t="s">
        <v>32</v>
      </c>
      <c r="L257" s="3" t="s">
        <v>37</v>
      </c>
      <c r="M257" s="3" t="s">
        <v>34</v>
      </c>
      <c r="N257" s="3" t="s">
        <v>77</v>
      </c>
      <c r="O257" s="3" t="s">
        <v>223</v>
      </c>
      <c r="P257" s="3" t="s">
        <v>37</v>
      </c>
      <c r="Q257" s="3" t="s">
        <v>37</v>
      </c>
      <c r="R257" s="3" t="s">
        <v>39</v>
      </c>
      <c r="S257" s="3" t="s">
        <v>1452</v>
      </c>
      <c r="T257" s="3" t="s">
        <v>37</v>
      </c>
      <c r="U257" s="3" t="s">
        <v>37</v>
      </c>
      <c r="V257" s="3" t="s">
        <v>37</v>
      </c>
    </row>
    <row r="258" spans="1:22" x14ac:dyDescent="0.25">
      <c r="A258" s="3" t="s">
        <v>911</v>
      </c>
      <c r="B258" s="4" t="s">
        <v>729</v>
      </c>
      <c r="C258" s="3" t="s">
        <v>730</v>
      </c>
      <c r="D258" s="5" t="s">
        <v>979</v>
      </c>
      <c r="E258" s="3" t="s">
        <v>521</v>
      </c>
      <c r="F258" s="3" t="s">
        <v>1453</v>
      </c>
      <c r="G258" s="3" t="s">
        <v>344</v>
      </c>
      <c r="H258" s="3" t="s">
        <v>59</v>
      </c>
      <c r="I258" s="3" t="s">
        <v>523</v>
      </c>
      <c r="J258" s="3" t="s">
        <v>1454</v>
      </c>
      <c r="K258" s="3" t="s">
        <v>32</v>
      </c>
      <c r="L258" s="3" t="s">
        <v>37</v>
      </c>
      <c r="M258" s="3" t="s">
        <v>34</v>
      </c>
      <c r="N258" s="3" t="s">
        <v>77</v>
      </c>
      <c r="O258" s="3" t="s">
        <v>223</v>
      </c>
      <c r="P258" s="3" t="s">
        <v>37</v>
      </c>
      <c r="Q258" s="3" t="s">
        <v>37</v>
      </c>
      <c r="R258" s="3" t="s">
        <v>39</v>
      </c>
      <c r="S258" s="3" t="s">
        <v>1455</v>
      </c>
      <c r="T258" s="3" t="s">
        <v>37</v>
      </c>
      <c r="U258" s="3" t="s">
        <v>37</v>
      </c>
      <c r="V258" s="3" t="s">
        <v>37</v>
      </c>
    </row>
    <row r="259" spans="1:22" x14ac:dyDescent="0.25">
      <c r="A259" s="3" t="s">
        <v>911</v>
      </c>
      <c r="B259" s="4" t="s">
        <v>729</v>
      </c>
      <c r="C259" s="3" t="s">
        <v>730</v>
      </c>
      <c r="D259" s="5" t="s">
        <v>982</v>
      </c>
      <c r="E259" s="3" t="s">
        <v>521</v>
      </c>
      <c r="F259" s="3" t="s">
        <v>1456</v>
      </c>
      <c r="G259" s="3" t="s">
        <v>242</v>
      </c>
      <c r="H259" s="3" t="s">
        <v>59</v>
      </c>
      <c r="I259" s="3" t="s">
        <v>523</v>
      </c>
      <c r="J259" s="3" t="s">
        <v>1457</v>
      </c>
      <c r="K259" s="3" t="s">
        <v>32</v>
      </c>
      <c r="L259" s="3" t="s">
        <v>37</v>
      </c>
      <c r="M259" s="3" t="s">
        <v>34</v>
      </c>
      <c r="N259" s="3" t="s">
        <v>77</v>
      </c>
      <c r="O259" s="3" t="s">
        <v>223</v>
      </c>
      <c r="P259" s="3" t="s">
        <v>37</v>
      </c>
      <c r="Q259" s="3" t="s">
        <v>37</v>
      </c>
      <c r="R259" s="3" t="s">
        <v>39</v>
      </c>
      <c r="S259" s="3" t="s">
        <v>1458</v>
      </c>
      <c r="T259" s="3" t="s">
        <v>37</v>
      </c>
      <c r="U259" s="3" t="s">
        <v>37</v>
      </c>
      <c r="V259" s="3" t="s">
        <v>37</v>
      </c>
    </row>
    <row r="260" spans="1:22" x14ac:dyDescent="0.25">
      <c r="A260" s="3" t="s">
        <v>911</v>
      </c>
      <c r="B260" s="4" t="s">
        <v>729</v>
      </c>
      <c r="C260" s="3" t="s">
        <v>730</v>
      </c>
      <c r="D260" s="5" t="s">
        <v>128</v>
      </c>
      <c r="E260" s="3" t="s">
        <v>965</v>
      </c>
      <c r="F260" s="3" t="s">
        <v>1459</v>
      </c>
      <c r="G260" s="3" t="s">
        <v>269</v>
      </c>
      <c r="H260" s="3" t="s">
        <v>29</v>
      </c>
      <c r="I260" s="3" t="s">
        <v>1230</v>
      </c>
      <c r="J260" s="3" t="s">
        <v>1460</v>
      </c>
      <c r="K260" s="3" t="s">
        <v>32</v>
      </c>
      <c r="L260" s="3" t="s">
        <v>33</v>
      </c>
      <c r="M260" s="3" t="s">
        <v>68</v>
      </c>
      <c r="N260" s="3" t="s">
        <v>69</v>
      </c>
      <c r="O260" s="3" t="s">
        <v>223</v>
      </c>
      <c r="P260" s="3" t="s">
        <v>37</v>
      </c>
      <c r="Q260" s="3" t="s">
        <v>37</v>
      </c>
      <c r="R260" s="3" t="s">
        <v>39</v>
      </c>
      <c r="S260" s="3" t="s">
        <v>1461</v>
      </c>
      <c r="T260" s="3" t="s">
        <v>37</v>
      </c>
      <c r="U260" s="3" t="s">
        <v>37</v>
      </c>
      <c r="V260" s="3" t="s">
        <v>37</v>
      </c>
    </row>
    <row r="261" spans="1:22" x14ac:dyDescent="0.25">
      <c r="A261" s="3" t="s">
        <v>911</v>
      </c>
      <c r="B261" s="4" t="s">
        <v>729</v>
      </c>
      <c r="C261" s="3" t="s">
        <v>730</v>
      </c>
      <c r="D261" s="5" t="s">
        <v>474</v>
      </c>
      <c r="E261" s="3" t="s">
        <v>965</v>
      </c>
      <c r="F261" s="3" t="s">
        <v>1462</v>
      </c>
      <c r="G261" s="3" t="s">
        <v>636</v>
      </c>
      <c r="H261" s="3" t="s">
        <v>29</v>
      </c>
      <c r="I261" s="3" t="s">
        <v>1230</v>
      </c>
      <c r="J261" s="3" t="s">
        <v>1463</v>
      </c>
      <c r="K261" s="3" t="s">
        <v>32</v>
      </c>
      <c r="L261" s="3" t="s">
        <v>33</v>
      </c>
      <c r="M261" s="3" t="s">
        <v>68</v>
      </c>
      <c r="N261" s="3" t="s">
        <v>69</v>
      </c>
      <c r="O261" s="3" t="s">
        <v>223</v>
      </c>
      <c r="P261" s="3" t="s">
        <v>37</v>
      </c>
      <c r="Q261" s="3" t="s">
        <v>37</v>
      </c>
      <c r="R261" s="3" t="s">
        <v>39</v>
      </c>
      <c r="S261" s="3" t="s">
        <v>1464</v>
      </c>
      <c r="T261" s="3" t="s">
        <v>37</v>
      </c>
      <c r="U261" s="3" t="s">
        <v>37</v>
      </c>
      <c r="V261" s="3" t="s">
        <v>37</v>
      </c>
    </row>
    <row r="262" spans="1:22" x14ac:dyDescent="0.25">
      <c r="A262" s="3" t="s">
        <v>911</v>
      </c>
      <c r="B262" s="4" t="s">
        <v>729</v>
      </c>
      <c r="C262" s="3" t="s">
        <v>730</v>
      </c>
      <c r="D262" s="5" t="s">
        <v>137</v>
      </c>
      <c r="E262" s="3" t="s">
        <v>934</v>
      </c>
      <c r="F262" s="3" t="s">
        <v>1188</v>
      </c>
      <c r="G262" s="3" t="s">
        <v>29</v>
      </c>
      <c r="H262" s="3" t="s">
        <v>29</v>
      </c>
      <c r="I262" s="3" t="s">
        <v>942</v>
      </c>
      <c r="J262" s="3" t="s">
        <v>1189</v>
      </c>
      <c r="K262" s="3" t="s">
        <v>32</v>
      </c>
      <c r="L262" s="3" t="s">
        <v>33</v>
      </c>
      <c r="M262" s="3" t="s">
        <v>938</v>
      </c>
      <c r="N262" s="3" t="s">
        <v>190</v>
      </c>
      <c r="O262" s="3" t="s">
        <v>158</v>
      </c>
      <c r="P262" s="3" t="s">
        <v>37</v>
      </c>
      <c r="Q262" s="3" t="s">
        <v>37</v>
      </c>
      <c r="R262" s="3" t="s">
        <v>39</v>
      </c>
      <c r="S262" s="3" t="s">
        <v>1190</v>
      </c>
      <c r="T262" s="3" t="s">
        <v>37</v>
      </c>
      <c r="U262" s="3" t="s">
        <v>37</v>
      </c>
      <c r="V262" s="3" t="s">
        <v>37</v>
      </c>
    </row>
    <row r="263" spans="1:22" x14ac:dyDescent="0.25">
      <c r="A263" s="3" t="s">
        <v>911</v>
      </c>
      <c r="B263" s="4" t="s">
        <v>729</v>
      </c>
      <c r="C263" s="3" t="s">
        <v>730</v>
      </c>
      <c r="D263" s="5" t="s">
        <v>692</v>
      </c>
      <c r="E263" s="3" t="s">
        <v>934</v>
      </c>
      <c r="F263" s="3" t="s">
        <v>1191</v>
      </c>
      <c r="G263" s="3" t="s">
        <v>59</v>
      </c>
      <c r="H263" s="3" t="s">
        <v>29</v>
      </c>
      <c r="I263" s="3" t="s">
        <v>942</v>
      </c>
      <c r="J263" s="3" t="s">
        <v>1192</v>
      </c>
      <c r="K263" s="3" t="s">
        <v>32</v>
      </c>
      <c r="L263" s="3" t="s">
        <v>33</v>
      </c>
      <c r="M263" s="3" t="s">
        <v>938</v>
      </c>
      <c r="N263" s="3" t="s">
        <v>190</v>
      </c>
      <c r="O263" s="3" t="s">
        <v>158</v>
      </c>
      <c r="P263" s="3" t="s">
        <v>37</v>
      </c>
      <c r="Q263" s="3" t="s">
        <v>37</v>
      </c>
      <c r="R263" s="3" t="s">
        <v>39</v>
      </c>
      <c r="S263" s="3" t="s">
        <v>1193</v>
      </c>
      <c r="T263" s="3" t="s">
        <v>37</v>
      </c>
      <c r="U263" s="3" t="s">
        <v>37</v>
      </c>
      <c r="V263" s="3" t="s">
        <v>37</v>
      </c>
    </row>
    <row r="264" spans="1:22" x14ac:dyDescent="0.25">
      <c r="A264" s="3" t="s">
        <v>911</v>
      </c>
      <c r="B264" s="4" t="s">
        <v>729</v>
      </c>
      <c r="C264" s="3" t="s">
        <v>730</v>
      </c>
      <c r="D264" s="5" t="s">
        <v>1242</v>
      </c>
      <c r="E264" s="3" t="s">
        <v>934</v>
      </c>
      <c r="F264" s="3" t="s">
        <v>1236</v>
      </c>
      <c r="G264" s="3" t="s">
        <v>87</v>
      </c>
      <c r="H264" s="3" t="s">
        <v>29</v>
      </c>
      <c r="I264" s="3" t="s">
        <v>936</v>
      </c>
      <c r="J264" s="3" t="s">
        <v>1237</v>
      </c>
      <c r="K264" s="3" t="s">
        <v>32</v>
      </c>
      <c r="L264" s="3" t="s">
        <v>33</v>
      </c>
      <c r="M264" s="3" t="s">
        <v>938</v>
      </c>
      <c r="N264" s="3" t="s">
        <v>190</v>
      </c>
      <c r="O264" s="3" t="s">
        <v>158</v>
      </c>
      <c r="P264" s="3" t="s">
        <v>37</v>
      </c>
      <c r="Q264" s="3" t="s">
        <v>37</v>
      </c>
      <c r="R264" s="3" t="s">
        <v>39</v>
      </c>
      <c r="S264" s="3" t="s">
        <v>1238</v>
      </c>
      <c r="T264" s="3" t="s">
        <v>37</v>
      </c>
      <c r="U264" s="3" t="s">
        <v>37</v>
      </c>
      <c r="V264" s="3" t="s">
        <v>37</v>
      </c>
    </row>
    <row r="265" spans="1:22" x14ac:dyDescent="0.25">
      <c r="A265" s="3" t="s">
        <v>911</v>
      </c>
      <c r="B265" s="4" t="s">
        <v>729</v>
      </c>
      <c r="C265" s="3" t="s">
        <v>730</v>
      </c>
      <c r="D265" s="5" t="s">
        <v>993</v>
      </c>
      <c r="E265" s="3" t="s">
        <v>934</v>
      </c>
      <c r="F265" s="3" t="s">
        <v>1239</v>
      </c>
      <c r="G265" s="3" t="s">
        <v>295</v>
      </c>
      <c r="H265" s="3" t="s">
        <v>29</v>
      </c>
      <c r="I265" s="3" t="s">
        <v>936</v>
      </c>
      <c r="J265" s="3" t="s">
        <v>1240</v>
      </c>
      <c r="K265" s="3" t="s">
        <v>32</v>
      </c>
      <c r="L265" s="3" t="s">
        <v>33</v>
      </c>
      <c r="M265" s="3" t="s">
        <v>938</v>
      </c>
      <c r="N265" s="3" t="s">
        <v>190</v>
      </c>
      <c r="O265" s="3" t="s">
        <v>158</v>
      </c>
      <c r="P265" s="3" t="s">
        <v>37</v>
      </c>
      <c r="Q265" s="3" t="s">
        <v>37</v>
      </c>
      <c r="R265" s="3" t="s">
        <v>39</v>
      </c>
      <c r="S265" s="3" t="s">
        <v>1241</v>
      </c>
      <c r="T265" s="3" t="s">
        <v>37</v>
      </c>
      <c r="U265" s="3" t="s">
        <v>37</v>
      </c>
      <c r="V265" s="3" t="s">
        <v>37</v>
      </c>
    </row>
    <row r="266" spans="1:22" x14ac:dyDescent="0.25">
      <c r="A266" s="3" t="s">
        <v>911</v>
      </c>
      <c r="B266" s="4" t="s">
        <v>729</v>
      </c>
      <c r="C266" s="3" t="s">
        <v>730</v>
      </c>
      <c r="D266" s="5" t="s">
        <v>1248</v>
      </c>
      <c r="E266" s="3" t="s">
        <v>934</v>
      </c>
      <c r="F266" s="3" t="s">
        <v>1243</v>
      </c>
      <c r="G266" s="3" t="s">
        <v>1152</v>
      </c>
      <c r="H266" s="3" t="s">
        <v>29</v>
      </c>
      <c r="I266" s="3" t="s">
        <v>936</v>
      </c>
      <c r="J266" s="3" t="s">
        <v>1244</v>
      </c>
      <c r="K266" s="3" t="s">
        <v>32</v>
      </c>
      <c r="L266" s="3" t="s">
        <v>33</v>
      </c>
      <c r="M266" s="3" t="s">
        <v>938</v>
      </c>
      <c r="N266" s="3" t="s">
        <v>190</v>
      </c>
      <c r="O266" s="3" t="s">
        <v>158</v>
      </c>
      <c r="P266" s="3" t="s">
        <v>37</v>
      </c>
      <c r="Q266" s="3" t="s">
        <v>37</v>
      </c>
      <c r="R266" s="3" t="s">
        <v>39</v>
      </c>
      <c r="S266" s="3" t="s">
        <v>1245</v>
      </c>
      <c r="T266" s="3" t="s">
        <v>37</v>
      </c>
      <c r="U266" s="3" t="s">
        <v>37</v>
      </c>
      <c r="V266" s="3" t="s">
        <v>37</v>
      </c>
    </row>
    <row r="267" spans="1:22" x14ac:dyDescent="0.25">
      <c r="A267" s="3" t="s">
        <v>911</v>
      </c>
      <c r="B267" s="4" t="s">
        <v>729</v>
      </c>
      <c r="C267" s="3" t="s">
        <v>730</v>
      </c>
      <c r="D267" s="5" t="s">
        <v>150</v>
      </c>
      <c r="E267" s="3" t="s">
        <v>934</v>
      </c>
      <c r="F267" s="3" t="s">
        <v>1246</v>
      </c>
      <c r="G267" s="3" t="s">
        <v>151</v>
      </c>
      <c r="H267" s="3" t="s">
        <v>29</v>
      </c>
      <c r="I267" s="3" t="s">
        <v>936</v>
      </c>
      <c r="J267" s="8" t="s">
        <v>937</v>
      </c>
      <c r="K267" s="3" t="s">
        <v>32</v>
      </c>
      <c r="L267" s="3" t="s">
        <v>33</v>
      </c>
      <c r="M267" s="3" t="s">
        <v>938</v>
      </c>
      <c r="N267" s="3" t="s">
        <v>190</v>
      </c>
      <c r="O267" s="3" t="s">
        <v>158</v>
      </c>
      <c r="P267" s="3" t="s">
        <v>37</v>
      </c>
      <c r="Q267" s="3" t="s">
        <v>37</v>
      </c>
      <c r="R267" s="3" t="s">
        <v>39</v>
      </c>
      <c r="S267" s="3" t="s">
        <v>1247</v>
      </c>
      <c r="T267" s="3" t="s">
        <v>37</v>
      </c>
      <c r="U267" s="3" t="s">
        <v>37</v>
      </c>
      <c r="V267" s="3" t="s">
        <v>37</v>
      </c>
    </row>
    <row r="268" spans="1:22" x14ac:dyDescent="0.25">
      <c r="A268" s="3" t="s">
        <v>911</v>
      </c>
      <c r="B268" s="4" t="s">
        <v>729</v>
      </c>
      <c r="C268" s="3" t="s">
        <v>730</v>
      </c>
      <c r="D268" s="5" t="s">
        <v>152</v>
      </c>
      <c r="E268" s="3" t="s">
        <v>929</v>
      </c>
      <c r="F268" s="3" t="s">
        <v>1200</v>
      </c>
      <c r="G268" s="3" t="s">
        <v>140</v>
      </c>
      <c r="H268" s="3" t="s">
        <v>29</v>
      </c>
      <c r="I268" s="3" t="s">
        <v>37</v>
      </c>
      <c r="J268" s="3" t="s">
        <v>1201</v>
      </c>
      <c r="K268" s="3" t="s">
        <v>32</v>
      </c>
      <c r="L268" s="3" t="s">
        <v>33</v>
      </c>
      <c r="M268" s="3" t="s">
        <v>68</v>
      </c>
      <c r="N268" s="3" t="s">
        <v>69</v>
      </c>
      <c r="O268" s="3" t="s">
        <v>53</v>
      </c>
      <c r="P268" s="3" t="s">
        <v>37</v>
      </c>
      <c r="Q268" s="3" t="s">
        <v>37</v>
      </c>
      <c r="R268" s="3" t="s">
        <v>39</v>
      </c>
      <c r="S268" s="3" t="s">
        <v>1202</v>
      </c>
      <c r="T268" s="3" t="s">
        <v>37</v>
      </c>
      <c r="U268" s="3" t="s">
        <v>37</v>
      </c>
      <c r="V268" s="3" t="s">
        <v>37</v>
      </c>
    </row>
    <row r="269" spans="1:22" x14ac:dyDescent="0.25">
      <c r="A269" s="3" t="s">
        <v>911</v>
      </c>
      <c r="B269" s="4" t="s">
        <v>729</v>
      </c>
      <c r="C269" s="3" t="s">
        <v>730</v>
      </c>
      <c r="D269" s="5" t="s">
        <v>165</v>
      </c>
      <c r="E269" s="3" t="s">
        <v>521</v>
      </c>
      <c r="F269" s="3" t="s">
        <v>1465</v>
      </c>
      <c r="G269" s="3" t="s">
        <v>134</v>
      </c>
      <c r="H269" s="3" t="s">
        <v>29</v>
      </c>
      <c r="I269" s="3" t="s">
        <v>1043</v>
      </c>
      <c r="J269" s="3" t="s">
        <v>1466</v>
      </c>
      <c r="K269" s="3" t="s">
        <v>32</v>
      </c>
      <c r="L269" s="3" t="s">
        <v>33</v>
      </c>
      <c r="M269" s="3" t="s">
        <v>34</v>
      </c>
      <c r="N269" s="3" t="s">
        <v>52</v>
      </c>
      <c r="O269" s="3" t="s">
        <v>1467</v>
      </c>
      <c r="P269" s="3" t="s">
        <v>37</v>
      </c>
      <c r="Q269" s="3" t="s">
        <v>37</v>
      </c>
      <c r="R269" s="3" t="s">
        <v>39</v>
      </c>
      <c r="S269" s="3" t="s">
        <v>1468</v>
      </c>
      <c r="T269" s="3" t="s">
        <v>37</v>
      </c>
      <c r="U269" s="3" t="s">
        <v>37</v>
      </c>
      <c r="V269" s="3" t="s">
        <v>37</v>
      </c>
    </row>
    <row r="270" spans="1:22" x14ac:dyDescent="0.25">
      <c r="A270" s="3" t="s">
        <v>911</v>
      </c>
      <c r="B270" s="4" t="s">
        <v>729</v>
      </c>
      <c r="C270" s="3" t="s">
        <v>730</v>
      </c>
      <c r="D270" s="5" t="s">
        <v>169</v>
      </c>
      <c r="E270" s="3" t="s">
        <v>1469</v>
      </c>
      <c r="F270" s="3" t="s">
        <v>1470</v>
      </c>
      <c r="G270" s="3" t="s">
        <v>29</v>
      </c>
      <c r="H270" s="3" t="s">
        <v>29</v>
      </c>
      <c r="I270" s="3" t="s">
        <v>37</v>
      </c>
      <c r="J270" s="3" t="s">
        <v>1471</v>
      </c>
      <c r="K270" s="3" t="s">
        <v>32</v>
      </c>
      <c r="L270" s="3" t="s">
        <v>1472</v>
      </c>
      <c r="M270" s="3" t="s">
        <v>34</v>
      </c>
      <c r="N270" s="3" t="s">
        <v>61</v>
      </c>
      <c r="O270" s="3" t="s">
        <v>1473</v>
      </c>
      <c r="P270" s="3" t="s">
        <v>37</v>
      </c>
      <c r="Q270" s="3" t="s">
        <v>37</v>
      </c>
      <c r="R270" s="3" t="s">
        <v>39</v>
      </c>
      <c r="S270" s="3" t="s">
        <v>1474</v>
      </c>
      <c r="T270" s="3" t="s">
        <v>37</v>
      </c>
      <c r="U270" s="3" t="s">
        <v>37</v>
      </c>
      <c r="V270" s="3" t="s">
        <v>37</v>
      </c>
    </row>
    <row r="271" spans="1:22" x14ac:dyDescent="0.25">
      <c r="A271" s="3" t="s">
        <v>911</v>
      </c>
      <c r="B271" s="4" t="s">
        <v>729</v>
      </c>
      <c r="C271" s="3" t="s">
        <v>730</v>
      </c>
      <c r="D271" s="5" t="s">
        <v>1004</v>
      </c>
      <c r="E271" s="3" t="s">
        <v>934</v>
      </c>
      <c r="F271" s="3" t="s">
        <v>1475</v>
      </c>
      <c r="G271" s="3" t="s">
        <v>134</v>
      </c>
      <c r="H271" s="3" t="s">
        <v>29</v>
      </c>
      <c r="I271" s="3" t="s">
        <v>936</v>
      </c>
      <c r="J271" s="8" t="s">
        <v>937</v>
      </c>
      <c r="K271" s="3" t="s">
        <v>32</v>
      </c>
      <c r="L271" s="3" t="s">
        <v>33</v>
      </c>
      <c r="M271" s="3" t="s">
        <v>938</v>
      </c>
      <c r="N271" s="3" t="s">
        <v>190</v>
      </c>
      <c r="O271" s="3" t="s">
        <v>158</v>
      </c>
      <c r="P271" s="3" t="s">
        <v>37</v>
      </c>
      <c r="Q271" s="3" t="s">
        <v>37</v>
      </c>
      <c r="R271" s="3" t="s">
        <v>39</v>
      </c>
      <c r="S271" s="3" t="s">
        <v>1476</v>
      </c>
      <c r="T271" s="3" t="s">
        <v>127</v>
      </c>
      <c r="U271" s="3" t="s">
        <v>37</v>
      </c>
      <c r="V271" s="3" t="s">
        <v>37</v>
      </c>
    </row>
    <row r="272" spans="1:22" x14ac:dyDescent="0.25">
      <c r="A272" s="3" t="s">
        <v>911</v>
      </c>
      <c r="B272" s="4" t="s">
        <v>729</v>
      </c>
      <c r="C272" s="3" t="s">
        <v>730</v>
      </c>
      <c r="D272" s="5" t="s">
        <v>174</v>
      </c>
      <c r="E272" s="3" t="s">
        <v>934</v>
      </c>
      <c r="F272" s="3" t="s">
        <v>1341</v>
      </c>
      <c r="G272" s="3" t="s">
        <v>74</v>
      </c>
      <c r="H272" s="3" t="s">
        <v>29</v>
      </c>
      <c r="I272" s="3" t="s">
        <v>936</v>
      </c>
      <c r="J272" s="8" t="s">
        <v>937</v>
      </c>
      <c r="K272" s="3" t="s">
        <v>32</v>
      </c>
      <c r="L272" s="3" t="s">
        <v>33</v>
      </c>
      <c r="M272" s="3" t="s">
        <v>938</v>
      </c>
      <c r="N272" s="3" t="s">
        <v>190</v>
      </c>
      <c r="O272" s="3" t="s">
        <v>158</v>
      </c>
      <c r="P272" s="3" t="s">
        <v>37</v>
      </c>
      <c r="Q272" s="3" t="s">
        <v>37</v>
      </c>
      <c r="R272" s="3" t="s">
        <v>39</v>
      </c>
      <c r="S272" s="3" t="s">
        <v>1342</v>
      </c>
      <c r="T272" s="3" t="s">
        <v>37</v>
      </c>
      <c r="U272" s="3" t="s">
        <v>37</v>
      </c>
      <c r="V272" s="3" t="s">
        <v>37</v>
      </c>
    </row>
    <row r="273" spans="1:22" x14ac:dyDescent="0.25">
      <c r="A273" s="3" t="s">
        <v>911</v>
      </c>
      <c r="B273" s="4" t="s">
        <v>729</v>
      </c>
      <c r="C273" s="3" t="s">
        <v>730</v>
      </c>
      <c r="D273" s="5" t="s">
        <v>1010</v>
      </c>
      <c r="E273" s="3" t="s">
        <v>934</v>
      </c>
      <c r="F273" s="3" t="s">
        <v>1477</v>
      </c>
      <c r="G273" s="3" t="s">
        <v>124</v>
      </c>
      <c r="H273" s="3" t="s">
        <v>29</v>
      </c>
      <c r="I273" s="3" t="s">
        <v>942</v>
      </c>
      <c r="J273" s="8" t="s">
        <v>937</v>
      </c>
      <c r="K273" s="3" t="s">
        <v>32</v>
      </c>
      <c r="L273" s="3" t="s">
        <v>33</v>
      </c>
      <c r="M273" s="3" t="s">
        <v>938</v>
      </c>
      <c r="N273" s="3" t="s">
        <v>190</v>
      </c>
      <c r="O273" s="3" t="s">
        <v>158</v>
      </c>
      <c r="P273" s="3" t="s">
        <v>37</v>
      </c>
      <c r="Q273" s="3" t="s">
        <v>37</v>
      </c>
      <c r="R273" s="3" t="s">
        <v>39</v>
      </c>
      <c r="S273" s="3" t="s">
        <v>1478</v>
      </c>
      <c r="T273" s="3" t="s">
        <v>37</v>
      </c>
      <c r="U273" s="3" t="s">
        <v>37</v>
      </c>
      <c r="V273" s="3" t="s">
        <v>37</v>
      </c>
    </row>
    <row r="274" spans="1:22" x14ac:dyDescent="0.25">
      <c r="A274" s="3" t="s">
        <v>911</v>
      </c>
      <c r="B274" s="4" t="s">
        <v>729</v>
      </c>
      <c r="C274" s="3" t="s">
        <v>730</v>
      </c>
      <c r="D274" s="5" t="s">
        <v>1014</v>
      </c>
      <c r="E274" s="3" t="s">
        <v>956</v>
      </c>
      <c r="F274" s="3" t="s">
        <v>1479</v>
      </c>
      <c r="G274" s="3" t="s">
        <v>738</v>
      </c>
      <c r="H274" s="3" t="s">
        <v>87</v>
      </c>
      <c r="I274" s="3" t="s">
        <v>37</v>
      </c>
      <c r="J274" s="3" t="s">
        <v>1480</v>
      </c>
      <c r="K274" s="3" t="s">
        <v>32</v>
      </c>
      <c r="L274" s="3" t="s">
        <v>33</v>
      </c>
      <c r="M274" s="3" t="s">
        <v>68</v>
      </c>
      <c r="N274" s="3" t="s">
        <v>190</v>
      </c>
      <c r="O274" s="3" t="s">
        <v>37</v>
      </c>
      <c r="P274" s="3" t="s">
        <v>37</v>
      </c>
      <c r="Q274" s="3" t="s">
        <v>37</v>
      </c>
      <c r="R274" s="3" t="s">
        <v>39</v>
      </c>
      <c r="S274" s="3" t="s">
        <v>1481</v>
      </c>
      <c r="T274" s="3" t="s">
        <v>127</v>
      </c>
      <c r="U274" s="3" t="s">
        <v>37</v>
      </c>
      <c r="V274" s="3" t="s">
        <v>37</v>
      </c>
    </row>
    <row r="275" spans="1:22" x14ac:dyDescent="0.25">
      <c r="A275" s="3" t="s">
        <v>911</v>
      </c>
      <c r="B275" s="4" t="s">
        <v>729</v>
      </c>
      <c r="C275" s="3" t="s">
        <v>730</v>
      </c>
      <c r="D275" s="5" t="s">
        <v>179</v>
      </c>
      <c r="E275" s="3" t="s">
        <v>956</v>
      </c>
      <c r="F275" s="3" t="s">
        <v>1262</v>
      </c>
      <c r="G275" s="3" t="s">
        <v>567</v>
      </c>
      <c r="H275" s="3" t="s">
        <v>87</v>
      </c>
      <c r="I275" s="3" t="s">
        <v>37</v>
      </c>
      <c r="J275" s="3" t="s">
        <v>1263</v>
      </c>
      <c r="K275" s="3" t="s">
        <v>32</v>
      </c>
      <c r="L275" s="3" t="s">
        <v>33</v>
      </c>
      <c r="M275" s="3" t="s">
        <v>68</v>
      </c>
      <c r="N275" s="3" t="s">
        <v>190</v>
      </c>
      <c r="O275" s="3" t="s">
        <v>37</v>
      </c>
      <c r="P275" s="3" t="s">
        <v>37</v>
      </c>
      <c r="Q275" s="3" t="s">
        <v>37</v>
      </c>
      <c r="R275" s="3" t="s">
        <v>39</v>
      </c>
      <c r="S275" s="3" t="s">
        <v>1411</v>
      </c>
      <c r="T275" s="3" t="s">
        <v>37</v>
      </c>
      <c r="U275" s="3" t="s">
        <v>37</v>
      </c>
      <c r="V275" s="3" t="s">
        <v>37</v>
      </c>
    </row>
    <row r="276" spans="1:22" x14ac:dyDescent="0.25">
      <c r="A276" s="3" t="s">
        <v>911</v>
      </c>
      <c r="B276" s="4" t="s">
        <v>729</v>
      </c>
      <c r="C276" s="3" t="s">
        <v>730</v>
      </c>
      <c r="D276" s="5" t="s">
        <v>1016</v>
      </c>
      <c r="E276" s="3" t="s">
        <v>1266</v>
      </c>
      <c r="F276" s="3" t="s">
        <v>1562</v>
      </c>
      <c r="G276" s="3" t="s">
        <v>155</v>
      </c>
      <c r="H276" s="3" t="s">
        <v>29</v>
      </c>
      <c r="I276" s="3" t="s">
        <v>37</v>
      </c>
      <c r="J276" s="3" t="s">
        <v>1268</v>
      </c>
      <c r="K276" s="3" t="s">
        <v>32</v>
      </c>
      <c r="L276" s="3" t="s">
        <v>33</v>
      </c>
      <c r="M276" s="3" t="s">
        <v>68</v>
      </c>
      <c r="N276" s="3" t="s">
        <v>69</v>
      </c>
      <c r="O276" s="3" t="s">
        <v>37</v>
      </c>
      <c r="P276" s="3" t="s">
        <v>37</v>
      </c>
      <c r="Q276" s="3" t="s">
        <v>37</v>
      </c>
      <c r="R276" s="3" t="s">
        <v>39</v>
      </c>
      <c r="S276" s="3" t="s">
        <v>1563</v>
      </c>
      <c r="T276" s="3" t="s">
        <v>127</v>
      </c>
      <c r="U276" s="3" t="s">
        <v>37</v>
      </c>
      <c r="V276" s="3" t="s">
        <v>37</v>
      </c>
    </row>
    <row r="277" spans="1:22" x14ac:dyDescent="0.25">
      <c r="A277" s="3" t="s">
        <v>911</v>
      </c>
      <c r="B277" s="4" t="s">
        <v>729</v>
      </c>
      <c r="C277" s="3" t="s">
        <v>730</v>
      </c>
      <c r="D277" s="5" t="s">
        <v>1557</v>
      </c>
      <c r="E277" s="3" t="s">
        <v>1266</v>
      </c>
      <c r="F277" s="3" t="s">
        <v>1555</v>
      </c>
      <c r="G277" s="3" t="s">
        <v>328</v>
      </c>
      <c r="H277" s="3" t="s">
        <v>29</v>
      </c>
      <c r="I277" s="3" t="s">
        <v>37</v>
      </c>
      <c r="J277" s="3" t="s">
        <v>1268</v>
      </c>
      <c r="K277" s="3" t="s">
        <v>32</v>
      </c>
      <c r="L277" s="3" t="s">
        <v>33</v>
      </c>
      <c r="M277" s="3" t="s">
        <v>68</v>
      </c>
      <c r="N277" s="3" t="s">
        <v>69</v>
      </c>
      <c r="O277" s="3" t="s">
        <v>37</v>
      </c>
      <c r="P277" s="3" t="s">
        <v>37</v>
      </c>
      <c r="Q277" s="3" t="s">
        <v>37</v>
      </c>
      <c r="R277" s="3" t="s">
        <v>39</v>
      </c>
      <c r="S277" s="3" t="s">
        <v>1556</v>
      </c>
      <c r="T277" s="3" t="s">
        <v>37</v>
      </c>
      <c r="U277" s="3" t="s">
        <v>37</v>
      </c>
      <c r="V277" s="3" t="s">
        <v>37</v>
      </c>
    </row>
    <row r="278" spans="1:22" x14ac:dyDescent="0.25">
      <c r="A278" s="3" t="s">
        <v>911</v>
      </c>
      <c r="B278" s="4" t="s">
        <v>729</v>
      </c>
      <c r="C278" s="3" t="s">
        <v>730</v>
      </c>
      <c r="D278" s="5" t="s">
        <v>1019</v>
      </c>
      <c r="E278" s="3" t="s">
        <v>996</v>
      </c>
      <c r="F278" s="3" t="s">
        <v>1482</v>
      </c>
      <c r="G278" s="3" t="s">
        <v>375</v>
      </c>
      <c r="H278" s="3" t="s">
        <v>59</v>
      </c>
      <c r="I278" s="3" t="s">
        <v>37</v>
      </c>
      <c r="J278" s="3" t="s">
        <v>1483</v>
      </c>
      <c r="K278" s="3" t="s">
        <v>32</v>
      </c>
      <c r="L278" s="3" t="s">
        <v>33</v>
      </c>
      <c r="M278" s="3" t="s">
        <v>68</v>
      </c>
      <c r="N278" s="3" t="s">
        <v>69</v>
      </c>
      <c r="O278" s="3" t="s">
        <v>223</v>
      </c>
      <c r="P278" s="3" t="s">
        <v>37</v>
      </c>
      <c r="Q278" s="3" t="s">
        <v>37</v>
      </c>
      <c r="R278" s="3" t="s">
        <v>39</v>
      </c>
      <c r="S278" s="3" t="s">
        <v>1484</v>
      </c>
      <c r="T278" s="3" t="s">
        <v>37</v>
      </c>
      <c r="U278" s="3" t="s">
        <v>37</v>
      </c>
      <c r="V278" s="3" t="s">
        <v>37</v>
      </c>
    </row>
    <row r="279" spans="1:22" x14ac:dyDescent="0.25">
      <c r="A279" s="3" t="s">
        <v>911</v>
      </c>
      <c r="B279" s="4" t="s">
        <v>729</v>
      </c>
      <c r="C279" s="3" t="s">
        <v>730</v>
      </c>
      <c r="D279" s="5" t="s">
        <v>1273</v>
      </c>
      <c r="E279" s="3" t="s">
        <v>521</v>
      </c>
      <c r="F279" s="3" t="s">
        <v>1485</v>
      </c>
      <c r="G279" s="3" t="s">
        <v>513</v>
      </c>
      <c r="H279" s="3" t="s">
        <v>87</v>
      </c>
      <c r="I279" s="3" t="s">
        <v>523</v>
      </c>
      <c r="J279" s="3" t="s">
        <v>1486</v>
      </c>
      <c r="K279" s="3" t="s">
        <v>32</v>
      </c>
      <c r="L279" s="3" t="s">
        <v>33</v>
      </c>
      <c r="M279" s="3" t="s">
        <v>34</v>
      </c>
      <c r="N279" s="3" t="s">
        <v>190</v>
      </c>
      <c r="O279" s="3" t="s">
        <v>223</v>
      </c>
      <c r="P279" s="3" t="s">
        <v>37</v>
      </c>
      <c r="Q279" s="3" t="s">
        <v>37</v>
      </c>
      <c r="R279" s="3" t="s">
        <v>39</v>
      </c>
      <c r="S279" s="3" t="s">
        <v>1487</v>
      </c>
      <c r="T279" s="3" t="s">
        <v>37</v>
      </c>
      <c r="U279" s="3" t="s">
        <v>37</v>
      </c>
      <c r="V279" s="3" t="s">
        <v>37</v>
      </c>
    </row>
    <row r="280" spans="1:22" x14ac:dyDescent="0.25">
      <c r="A280" s="3" t="s">
        <v>911</v>
      </c>
      <c r="B280" s="4" t="s">
        <v>729</v>
      </c>
      <c r="C280" s="3" t="s">
        <v>730</v>
      </c>
      <c r="D280" s="5" t="s">
        <v>1025</v>
      </c>
      <c r="E280" s="3" t="s">
        <v>1026</v>
      </c>
      <c r="F280" s="3" t="s">
        <v>1488</v>
      </c>
      <c r="G280" s="3" t="s">
        <v>517</v>
      </c>
      <c r="H280" s="3" t="s">
        <v>87</v>
      </c>
      <c r="I280" s="3" t="s">
        <v>37</v>
      </c>
      <c r="J280" s="3" t="s">
        <v>1489</v>
      </c>
      <c r="K280" s="3" t="s">
        <v>32</v>
      </c>
      <c r="L280" s="3" t="s">
        <v>33</v>
      </c>
      <c r="M280" s="3" t="s">
        <v>68</v>
      </c>
      <c r="N280" s="3" t="s">
        <v>69</v>
      </c>
      <c r="O280" s="3" t="s">
        <v>53</v>
      </c>
      <c r="P280" s="3" t="s">
        <v>37</v>
      </c>
      <c r="Q280" s="3" t="s">
        <v>37</v>
      </c>
      <c r="R280" s="3" t="s">
        <v>39</v>
      </c>
      <c r="S280" s="3" t="s">
        <v>1490</v>
      </c>
      <c r="T280" s="3" t="s">
        <v>37</v>
      </c>
      <c r="U280" s="3" t="s">
        <v>37</v>
      </c>
      <c r="V280" s="3" t="s">
        <v>37</v>
      </c>
    </row>
    <row r="281" spans="1:22" x14ac:dyDescent="0.25">
      <c r="A281" s="3" t="s">
        <v>911</v>
      </c>
      <c r="B281" s="4" t="s">
        <v>729</v>
      </c>
      <c r="C281" s="3" t="s">
        <v>730</v>
      </c>
      <c r="D281" s="5" t="s">
        <v>199</v>
      </c>
      <c r="E281" s="3" t="s">
        <v>1031</v>
      </c>
      <c r="F281" s="3" t="s">
        <v>1491</v>
      </c>
      <c r="G281" s="3" t="s">
        <v>1492</v>
      </c>
      <c r="H281" s="3" t="s">
        <v>87</v>
      </c>
      <c r="I281" s="3" t="s">
        <v>1033</v>
      </c>
      <c r="J281" s="3" t="s">
        <v>1493</v>
      </c>
      <c r="K281" s="3" t="s">
        <v>32</v>
      </c>
      <c r="L281" s="3" t="s">
        <v>33</v>
      </c>
      <c r="M281" s="3" t="s">
        <v>68</v>
      </c>
      <c r="N281" s="3" t="s">
        <v>52</v>
      </c>
      <c r="O281" s="3" t="s">
        <v>36</v>
      </c>
      <c r="P281" s="3" t="s">
        <v>37</v>
      </c>
      <c r="Q281" s="3" t="s">
        <v>37</v>
      </c>
      <c r="R281" s="3" t="s">
        <v>39</v>
      </c>
      <c r="S281" s="3" t="s">
        <v>1494</v>
      </c>
      <c r="T281" s="3" t="s">
        <v>37</v>
      </c>
      <c r="U281" s="3" t="s">
        <v>37</v>
      </c>
      <c r="V281" s="3" t="s">
        <v>37</v>
      </c>
    </row>
    <row r="282" spans="1:22" x14ac:dyDescent="0.25">
      <c r="A282" s="3" t="s">
        <v>911</v>
      </c>
      <c r="B282" s="4" t="s">
        <v>729</v>
      </c>
      <c r="C282" s="3" t="s">
        <v>730</v>
      </c>
      <c r="D282" s="5" t="s">
        <v>1036</v>
      </c>
      <c r="E282" s="3" t="s">
        <v>1283</v>
      </c>
      <c r="F282" s="3" t="s">
        <v>1495</v>
      </c>
      <c r="G282" s="3" t="s">
        <v>740</v>
      </c>
      <c r="H282" s="3" t="s">
        <v>87</v>
      </c>
      <c r="I282" s="3" t="s">
        <v>1496</v>
      </c>
      <c r="J282" s="3" t="s">
        <v>1497</v>
      </c>
      <c r="K282" s="3" t="s">
        <v>32</v>
      </c>
      <c r="L282" s="3" t="s">
        <v>33</v>
      </c>
      <c r="M282" s="3" t="s">
        <v>68</v>
      </c>
      <c r="N282" s="3" t="s">
        <v>1040</v>
      </c>
      <c r="O282" s="3" t="s">
        <v>223</v>
      </c>
      <c r="P282" s="3" t="s">
        <v>37</v>
      </c>
      <c r="Q282" s="3" t="s">
        <v>37</v>
      </c>
      <c r="R282" s="3" t="s">
        <v>39</v>
      </c>
      <c r="S282" s="3" t="s">
        <v>1498</v>
      </c>
      <c r="T282" s="3" t="s">
        <v>37</v>
      </c>
      <c r="U282" s="3" t="s">
        <v>37</v>
      </c>
      <c r="V282" s="3" t="s">
        <v>37</v>
      </c>
    </row>
    <row r="283" spans="1:22" x14ac:dyDescent="0.25">
      <c r="A283" s="3" t="s">
        <v>911</v>
      </c>
      <c r="B283" s="4" t="s">
        <v>729</v>
      </c>
      <c r="C283" s="3" t="s">
        <v>730</v>
      </c>
      <c r="D283" s="5" t="s">
        <v>520</v>
      </c>
      <c r="E283" s="3" t="s">
        <v>934</v>
      </c>
      <c r="F283" s="3" t="s">
        <v>947</v>
      </c>
      <c r="G283" s="3" t="s">
        <v>563</v>
      </c>
      <c r="H283" s="3" t="s">
        <v>29</v>
      </c>
      <c r="I283" s="3" t="s">
        <v>936</v>
      </c>
      <c r="J283" s="8" t="s">
        <v>937</v>
      </c>
      <c r="K283" s="3" t="s">
        <v>32</v>
      </c>
      <c r="L283" s="3" t="s">
        <v>33</v>
      </c>
      <c r="M283" s="3" t="s">
        <v>938</v>
      </c>
      <c r="N283" s="3" t="s">
        <v>190</v>
      </c>
      <c r="O283" s="3" t="s">
        <v>158</v>
      </c>
      <c r="P283" s="3" t="s">
        <v>37</v>
      </c>
      <c r="Q283" s="3" t="s">
        <v>37</v>
      </c>
      <c r="R283" s="3" t="s">
        <v>39</v>
      </c>
      <c r="S283" s="3" t="s">
        <v>948</v>
      </c>
      <c r="T283" s="3" t="s">
        <v>37</v>
      </c>
      <c r="U283" s="3" t="s">
        <v>37</v>
      </c>
      <c r="V283" s="3" t="s">
        <v>37</v>
      </c>
    </row>
    <row r="284" spans="1:22" x14ac:dyDescent="0.25">
      <c r="A284" s="3" t="s">
        <v>911</v>
      </c>
      <c r="B284" s="4" t="s">
        <v>729</v>
      </c>
      <c r="C284" s="3" t="s">
        <v>730</v>
      </c>
      <c r="D284" s="5" t="s">
        <v>1288</v>
      </c>
      <c r="E284" s="3" t="s">
        <v>934</v>
      </c>
      <c r="F284" s="3" t="s">
        <v>950</v>
      </c>
      <c r="G284" s="3" t="s">
        <v>147</v>
      </c>
      <c r="H284" s="3" t="s">
        <v>29</v>
      </c>
      <c r="I284" s="3" t="s">
        <v>936</v>
      </c>
      <c r="J284" s="8" t="s">
        <v>937</v>
      </c>
      <c r="K284" s="3" t="s">
        <v>32</v>
      </c>
      <c r="L284" s="3" t="s">
        <v>33</v>
      </c>
      <c r="M284" s="3" t="s">
        <v>938</v>
      </c>
      <c r="N284" s="3" t="s">
        <v>190</v>
      </c>
      <c r="O284" s="3" t="s">
        <v>158</v>
      </c>
      <c r="P284" s="3" t="s">
        <v>37</v>
      </c>
      <c r="Q284" s="3" t="s">
        <v>37</v>
      </c>
      <c r="R284" s="3" t="s">
        <v>39</v>
      </c>
      <c r="S284" s="3" t="s">
        <v>951</v>
      </c>
      <c r="T284" s="3" t="s">
        <v>37</v>
      </c>
      <c r="U284" s="3" t="s">
        <v>37</v>
      </c>
      <c r="V284" s="3" t="s">
        <v>37</v>
      </c>
    </row>
    <row r="285" spans="1:22" x14ac:dyDescent="0.25">
      <c r="A285" s="3" t="s">
        <v>911</v>
      </c>
      <c r="B285" s="4" t="s">
        <v>729</v>
      </c>
      <c r="C285" s="3" t="s">
        <v>730</v>
      </c>
      <c r="D285" s="5" t="s">
        <v>1289</v>
      </c>
      <c r="E285" s="3" t="s">
        <v>934</v>
      </c>
      <c r="F285" s="3" t="s">
        <v>952</v>
      </c>
      <c r="G285" s="3" t="s">
        <v>66</v>
      </c>
      <c r="H285" s="3" t="s">
        <v>29</v>
      </c>
      <c r="I285" s="3" t="s">
        <v>936</v>
      </c>
      <c r="J285" s="3" t="s">
        <v>953</v>
      </c>
      <c r="K285" s="3" t="s">
        <v>32</v>
      </c>
      <c r="L285" s="3" t="s">
        <v>33</v>
      </c>
      <c r="M285" s="3" t="s">
        <v>938</v>
      </c>
      <c r="N285" s="3" t="s">
        <v>190</v>
      </c>
      <c r="O285" s="3" t="s">
        <v>158</v>
      </c>
      <c r="P285" s="3" t="s">
        <v>37</v>
      </c>
      <c r="Q285" s="3" t="s">
        <v>37</v>
      </c>
      <c r="R285" s="3" t="s">
        <v>39</v>
      </c>
      <c r="S285" s="3" t="s">
        <v>954</v>
      </c>
      <c r="T285" s="3" t="s">
        <v>37</v>
      </c>
      <c r="U285" s="3" t="s">
        <v>37</v>
      </c>
      <c r="V285" s="3" t="s">
        <v>37</v>
      </c>
    </row>
    <row r="286" spans="1:22" x14ac:dyDescent="0.25">
      <c r="A286" s="3" t="s">
        <v>911</v>
      </c>
      <c r="B286" s="4" t="s">
        <v>729</v>
      </c>
      <c r="C286" s="3" t="s">
        <v>730</v>
      </c>
      <c r="D286" s="5" t="s">
        <v>1047</v>
      </c>
      <c r="E286" s="3" t="s">
        <v>956</v>
      </c>
      <c r="F286" s="3" t="s">
        <v>1479</v>
      </c>
      <c r="G286" s="3" t="s">
        <v>738</v>
      </c>
      <c r="H286" s="3" t="s">
        <v>87</v>
      </c>
      <c r="I286" s="3" t="s">
        <v>37</v>
      </c>
      <c r="J286" s="3" t="s">
        <v>1480</v>
      </c>
      <c r="K286" s="3" t="s">
        <v>32</v>
      </c>
      <c r="L286" s="3" t="s">
        <v>33</v>
      </c>
      <c r="M286" s="3" t="s">
        <v>68</v>
      </c>
      <c r="N286" s="3" t="s">
        <v>190</v>
      </c>
      <c r="O286" s="3" t="s">
        <v>37</v>
      </c>
      <c r="P286" s="3" t="s">
        <v>37</v>
      </c>
      <c r="Q286" s="3" t="s">
        <v>37</v>
      </c>
      <c r="R286" s="3" t="s">
        <v>39</v>
      </c>
      <c r="S286" s="3" t="s">
        <v>1481</v>
      </c>
      <c r="T286" s="3" t="s">
        <v>37</v>
      </c>
      <c r="U286" s="3" t="s">
        <v>37</v>
      </c>
      <c r="V286" s="3" t="s">
        <v>37</v>
      </c>
    </row>
    <row r="287" spans="1:22" x14ac:dyDescent="0.25">
      <c r="A287" s="3" t="s">
        <v>911</v>
      </c>
      <c r="B287" s="4" t="s">
        <v>729</v>
      </c>
      <c r="C287" s="3" t="s">
        <v>730</v>
      </c>
      <c r="D287" s="5" t="s">
        <v>1290</v>
      </c>
      <c r="E287" s="3" t="s">
        <v>956</v>
      </c>
      <c r="F287" s="3" t="s">
        <v>1262</v>
      </c>
      <c r="G287" s="3" t="s">
        <v>567</v>
      </c>
      <c r="H287" s="3" t="s">
        <v>87</v>
      </c>
      <c r="I287" s="3" t="s">
        <v>37</v>
      </c>
      <c r="J287" s="3" t="s">
        <v>1263</v>
      </c>
      <c r="K287" s="3" t="s">
        <v>32</v>
      </c>
      <c r="L287" s="3" t="s">
        <v>33</v>
      </c>
      <c r="M287" s="3" t="s">
        <v>68</v>
      </c>
      <c r="N287" s="3" t="s">
        <v>190</v>
      </c>
      <c r="O287" s="3" t="s">
        <v>37</v>
      </c>
      <c r="P287" s="3" t="s">
        <v>37</v>
      </c>
      <c r="Q287" s="3" t="s">
        <v>37</v>
      </c>
      <c r="R287" s="3" t="s">
        <v>39</v>
      </c>
      <c r="S287" s="3" t="s">
        <v>1411</v>
      </c>
      <c r="T287" s="3" t="s">
        <v>37</v>
      </c>
      <c r="U287" s="3" t="s">
        <v>37</v>
      </c>
      <c r="V287" s="3" t="s">
        <v>37</v>
      </c>
    </row>
    <row r="288" spans="1:22" x14ac:dyDescent="0.25">
      <c r="A288" s="3" t="s">
        <v>911</v>
      </c>
      <c r="B288" s="4" t="s">
        <v>729</v>
      </c>
      <c r="C288" s="3" t="s">
        <v>730</v>
      </c>
      <c r="D288" s="5" t="s">
        <v>219</v>
      </c>
      <c r="E288" s="3" t="s">
        <v>1266</v>
      </c>
      <c r="F288" s="3" t="s">
        <v>1562</v>
      </c>
      <c r="G288" s="3" t="s">
        <v>155</v>
      </c>
      <c r="H288" s="3" t="s">
        <v>29</v>
      </c>
      <c r="I288" s="3" t="s">
        <v>37</v>
      </c>
      <c r="J288" s="3" t="s">
        <v>1268</v>
      </c>
      <c r="K288" s="3" t="s">
        <v>32</v>
      </c>
      <c r="L288" s="3" t="s">
        <v>33</v>
      </c>
      <c r="M288" s="3" t="s">
        <v>68</v>
      </c>
      <c r="N288" s="3" t="s">
        <v>69</v>
      </c>
      <c r="O288" s="3" t="s">
        <v>37</v>
      </c>
      <c r="P288" s="3" t="s">
        <v>37</v>
      </c>
      <c r="Q288" s="3" t="s">
        <v>37</v>
      </c>
      <c r="R288" s="3" t="s">
        <v>39</v>
      </c>
      <c r="S288" s="3" t="s">
        <v>1563</v>
      </c>
      <c r="T288" s="3" t="s">
        <v>37</v>
      </c>
      <c r="U288" s="3" t="s">
        <v>37</v>
      </c>
      <c r="V288" s="3" t="s">
        <v>37</v>
      </c>
    </row>
    <row r="289" spans="1:22" x14ac:dyDescent="0.25">
      <c r="A289" s="3" t="s">
        <v>911</v>
      </c>
      <c r="B289" s="4" t="s">
        <v>729</v>
      </c>
      <c r="C289" s="3" t="s">
        <v>730</v>
      </c>
      <c r="D289" s="5" t="s">
        <v>1561</v>
      </c>
      <c r="E289" s="3" t="s">
        <v>1266</v>
      </c>
      <c r="F289" s="3" t="s">
        <v>1555</v>
      </c>
      <c r="G289" s="3" t="s">
        <v>328</v>
      </c>
      <c r="H289" s="3" t="s">
        <v>29</v>
      </c>
      <c r="I289" s="3" t="s">
        <v>37</v>
      </c>
      <c r="J289" s="3" t="s">
        <v>1268</v>
      </c>
      <c r="K289" s="3" t="s">
        <v>32</v>
      </c>
      <c r="L289" s="3" t="s">
        <v>33</v>
      </c>
      <c r="M289" s="3" t="s">
        <v>68</v>
      </c>
      <c r="N289" s="3" t="s">
        <v>69</v>
      </c>
      <c r="O289" s="3" t="s">
        <v>37</v>
      </c>
      <c r="P289" s="3" t="s">
        <v>37</v>
      </c>
      <c r="Q289" s="3" t="s">
        <v>37</v>
      </c>
      <c r="R289" s="3" t="s">
        <v>39</v>
      </c>
      <c r="S289" s="3" t="s">
        <v>1556</v>
      </c>
      <c r="T289" s="3" t="s">
        <v>37</v>
      </c>
      <c r="U289" s="3" t="s">
        <v>37</v>
      </c>
      <c r="V289" s="3" t="s">
        <v>37</v>
      </c>
    </row>
    <row r="290" spans="1:22" x14ac:dyDescent="0.25">
      <c r="A290" s="3" t="s">
        <v>911</v>
      </c>
      <c r="B290" s="4" t="s">
        <v>729</v>
      </c>
      <c r="C290" s="3" t="s">
        <v>730</v>
      </c>
      <c r="D290" s="5" t="s">
        <v>390</v>
      </c>
      <c r="E290" s="3" t="s">
        <v>996</v>
      </c>
      <c r="F290" s="3" t="s">
        <v>1482</v>
      </c>
      <c r="G290" s="3" t="s">
        <v>375</v>
      </c>
      <c r="H290" s="3" t="s">
        <v>59</v>
      </c>
      <c r="I290" s="3" t="s">
        <v>37</v>
      </c>
      <c r="J290" s="3" t="s">
        <v>1483</v>
      </c>
      <c r="K290" s="3" t="s">
        <v>32</v>
      </c>
      <c r="L290" s="3" t="s">
        <v>33</v>
      </c>
      <c r="M290" s="3" t="s">
        <v>68</v>
      </c>
      <c r="N290" s="3" t="s">
        <v>69</v>
      </c>
      <c r="O290" s="3" t="s">
        <v>223</v>
      </c>
      <c r="P290" s="3" t="s">
        <v>37</v>
      </c>
      <c r="Q290" s="3" t="s">
        <v>37</v>
      </c>
      <c r="R290" s="3" t="s">
        <v>39</v>
      </c>
      <c r="S290" s="3" t="s">
        <v>1484</v>
      </c>
      <c r="T290" s="3" t="s">
        <v>37</v>
      </c>
      <c r="U290" s="3" t="s">
        <v>37</v>
      </c>
      <c r="V290" s="3" t="s">
        <v>37</v>
      </c>
    </row>
    <row r="291" spans="1:22" x14ac:dyDescent="0.25">
      <c r="A291" s="3" t="s">
        <v>911</v>
      </c>
      <c r="B291" s="4" t="s">
        <v>729</v>
      </c>
      <c r="C291" s="3" t="s">
        <v>730</v>
      </c>
      <c r="D291" s="5" t="s">
        <v>230</v>
      </c>
      <c r="E291" s="3" t="s">
        <v>521</v>
      </c>
      <c r="F291" s="3" t="s">
        <v>1485</v>
      </c>
      <c r="G291" s="3" t="s">
        <v>513</v>
      </c>
      <c r="H291" s="3" t="s">
        <v>87</v>
      </c>
      <c r="I291" s="3" t="s">
        <v>523</v>
      </c>
      <c r="J291" s="3" t="s">
        <v>1486</v>
      </c>
      <c r="K291" s="3" t="s">
        <v>32</v>
      </c>
      <c r="L291" s="3" t="s">
        <v>33</v>
      </c>
      <c r="M291" s="3" t="s">
        <v>34</v>
      </c>
      <c r="N291" s="3" t="s">
        <v>190</v>
      </c>
      <c r="O291" s="3" t="s">
        <v>223</v>
      </c>
      <c r="P291" s="3" t="s">
        <v>37</v>
      </c>
      <c r="Q291" s="3" t="s">
        <v>37</v>
      </c>
      <c r="R291" s="3" t="s">
        <v>39</v>
      </c>
      <c r="S291" s="3" t="s">
        <v>1487</v>
      </c>
      <c r="T291" s="3" t="s">
        <v>37</v>
      </c>
      <c r="U291" s="3" t="s">
        <v>37</v>
      </c>
      <c r="V291" s="3" t="s">
        <v>37</v>
      </c>
    </row>
    <row r="292" spans="1:22" x14ac:dyDescent="0.25">
      <c r="A292" s="3" t="s">
        <v>911</v>
      </c>
      <c r="B292" s="4" t="s">
        <v>729</v>
      </c>
      <c r="C292" s="3" t="s">
        <v>730</v>
      </c>
      <c r="D292" s="5" t="s">
        <v>1057</v>
      </c>
      <c r="E292" s="3" t="s">
        <v>1026</v>
      </c>
      <c r="F292" s="3" t="s">
        <v>1488</v>
      </c>
      <c r="G292" s="3" t="s">
        <v>517</v>
      </c>
      <c r="H292" s="3" t="s">
        <v>87</v>
      </c>
      <c r="I292" s="3" t="s">
        <v>37</v>
      </c>
      <c r="J292" s="3" t="s">
        <v>1489</v>
      </c>
      <c r="K292" s="3" t="s">
        <v>32</v>
      </c>
      <c r="L292" s="3" t="s">
        <v>33</v>
      </c>
      <c r="M292" s="3" t="s">
        <v>68</v>
      </c>
      <c r="N292" s="3" t="s">
        <v>69</v>
      </c>
      <c r="O292" s="3" t="s">
        <v>53</v>
      </c>
      <c r="P292" s="3" t="s">
        <v>37</v>
      </c>
      <c r="Q292" s="3" t="s">
        <v>37</v>
      </c>
      <c r="R292" s="3" t="s">
        <v>39</v>
      </c>
      <c r="S292" s="3" t="s">
        <v>1490</v>
      </c>
      <c r="T292" s="3" t="s">
        <v>37</v>
      </c>
      <c r="U292" s="3" t="s">
        <v>37</v>
      </c>
      <c r="V292" s="3" t="s">
        <v>37</v>
      </c>
    </row>
    <row r="293" spans="1:22" x14ac:dyDescent="0.25">
      <c r="A293" s="3" t="s">
        <v>911</v>
      </c>
      <c r="B293" s="4" t="s">
        <v>729</v>
      </c>
      <c r="C293" s="3" t="s">
        <v>730</v>
      </c>
      <c r="D293" s="5" t="s">
        <v>239</v>
      </c>
      <c r="E293" s="3" t="s">
        <v>1031</v>
      </c>
      <c r="F293" s="3" t="s">
        <v>1491</v>
      </c>
      <c r="G293" s="3" t="s">
        <v>1492</v>
      </c>
      <c r="H293" s="3" t="s">
        <v>87</v>
      </c>
      <c r="I293" s="3" t="s">
        <v>1033</v>
      </c>
      <c r="J293" s="3" t="s">
        <v>1493</v>
      </c>
      <c r="K293" s="3" t="s">
        <v>32</v>
      </c>
      <c r="L293" s="3" t="s">
        <v>33</v>
      </c>
      <c r="M293" s="3" t="s">
        <v>68</v>
      </c>
      <c r="N293" s="3" t="s">
        <v>52</v>
      </c>
      <c r="O293" s="3" t="s">
        <v>36</v>
      </c>
      <c r="P293" s="3" t="s">
        <v>37</v>
      </c>
      <c r="Q293" s="3" t="s">
        <v>37</v>
      </c>
      <c r="R293" s="3" t="s">
        <v>39</v>
      </c>
      <c r="S293" s="3" t="s">
        <v>1494</v>
      </c>
      <c r="T293" s="3" t="s">
        <v>37</v>
      </c>
      <c r="U293" s="3" t="s">
        <v>37</v>
      </c>
      <c r="V293" s="3" t="s">
        <v>37</v>
      </c>
    </row>
    <row r="294" spans="1:22" x14ac:dyDescent="0.25">
      <c r="A294" s="3" t="s">
        <v>911</v>
      </c>
      <c r="B294" s="4" t="s">
        <v>729</v>
      </c>
      <c r="C294" s="3" t="s">
        <v>730</v>
      </c>
      <c r="D294" s="5" t="s">
        <v>1064</v>
      </c>
      <c r="E294" s="3" t="s">
        <v>923</v>
      </c>
      <c r="F294" s="3" t="s">
        <v>1161</v>
      </c>
      <c r="G294" s="3" t="s">
        <v>295</v>
      </c>
      <c r="H294" s="3" t="s">
        <v>29</v>
      </c>
      <c r="I294" s="3" t="s">
        <v>925</v>
      </c>
      <c r="J294" s="3" t="s">
        <v>1162</v>
      </c>
      <c r="K294" s="3" t="s">
        <v>32</v>
      </c>
      <c r="L294" s="3" t="s">
        <v>33</v>
      </c>
      <c r="M294" s="3" t="s">
        <v>34</v>
      </c>
      <c r="N294" s="3" t="s">
        <v>69</v>
      </c>
      <c r="O294" s="3" t="s">
        <v>53</v>
      </c>
      <c r="P294" s="3" t="s">
        <v>37</v>
      </c>
      <c r="Q294" s="3" t="s">
        <v>37</v>
      </c>
      <c r="R294" s="3" t="s">
        <v>39</v>
      </c>
      <c r="S294" s="3" t="s">
        <v>1163</v>
      </c>
      <c r="T294" s="3" t="s">
        <v>37</v>
      </c>
      <c r="U294" s="3" t="s">
        <v>37</v>
      </c>
      <c r="V294" s="3" t="s">
        <v>37</v>
      </c>
    </row>
    <row r="295" spans="1:22" x14ac:dyDescent="0.25">
      <c r="A295" s="3"/>
      <c r="B295" s="4"/>
      <c r="C295" s="3"/>
      <c r="D295" s="5"/>
      <c r="E295" s="6" t="s">
        <v>1065</v>
      </c>
      <c r="F295" s="3"/>
      <c r="G295" s="3"/>
      <c r="H295" s="3"/>
      <c r="I295" s="3"/>
      <c r="J295" s="3"/>
      <c r="K295" s="3"/>
      <c r="L295" s="3"/>
      <c r="M295" s="3"/>
      <c r="N295" s="3"/>
      <c r="O295" s="3"/>
      <c r="P295" s="3"/>
      <c r="Q295" s="3"/>
      <c r="R295" s="3"/>
      <c r="S295" s="3"/>
      <c r="T295" s="3"/>
      <c r="U295" s="3"/>
      <c r="V295" s="3"/>
    </row>
    <row r="296" spans="1:22" x14ac:dyDescent="0.25">
      <c r="A296" s="3"/>
      <c r="B296" s="4"/>
      <c r="C296" s="3"/>
      <c r="D296" s="5"/>
      <c r="E296" s="3"/>
      <c r="F296" s="3"/>
      <c r="G296" s="3"/>
      <c r="H296" s="3"/>
      <c r="I296" s="3"/>
      <c r="J296" s="3"/>
      <c r="K296" s="3"/>
      <c r="L296" s="3"/>
      <c r="M296" s="3"/>
      <c r="N296" s="3"/>
      <c r="O296" s="3"/>
      <c r="P296" s="3"/>
      <c r="Q296" s="3"/>
      <c r="R296" s="3"/>
      <c r="S296" s="3"/>
      <c r="T296" s="3"/>
      <c r="U296" s="3"/>
      <c r="V296" s="3"/>
    </row>
    <row r="297" spans="1:22" x14ac:dyDescent="0.25">
      <c r="A297" s="3" t="s">
        <v>911</v>
      </c>
      <c r="B297" s="4" t="s">
        <v>822</v>
      </c>
      <c r="C297" s="3" t="s">
        <v>823</v>
      </c>
      <c r="D297" s="5" t="s">
        <v>25</v>
      </c>
      <c r="E297" s="3" t="s">
        <v>912</v>
      </c>
      <c r="F297" s="3" t="s">
        <v>1499</v>
      </c>
      <c r="G297" s="3" t="s">
        <v>328</v>
      </c>
      <c r="H297" s="3" t="s">
        <v>29</v>
      </c>
      <c r="I297" s="3" t="s">
        <v>920</v>
      </c>
      <c r="J297" s="3" t="s">
        <v>1500</v>
      </c>
      <c r="K297" s="3" t="s">
        <v>32</v>
      </c>
      <c r="L297" s="3" t="s">
        <v>33</v>
      </c>
      <c r="M297" s="3" t="s">
        <v>68</v>
      </c>
      <c r="N297" s="3" t="s">
        <v>916</v>
      </c>
      <c r="O297" s="3" t="s">
        <v>223</v>
      </c>
      <c r="P297" s="3" t="s">
        <v>37</v>
      </c>
      <c r="Q297" s="3" t="s">
        <v>37</v>
      </c>
      <c r="R297" s="3" t="s">
        <v>39</v>
      </c>
      <c r="S297" s="3" t="s">
        <v>1501</v>
      </c>
      <c r="T297" s="3" t="s">
        <v>37</v>
      </c>
      <c r="U297" s="3" t="s">
        <v>37</v>
      </c>
      <c r="V297" s="3" t="s">
        <v>37</v>
      </c>
    </row>
    <row r="298" spans="1:22" x14ac:dyDescent="0.25">
      <c r="A298" s="3" t="s">
        <v>911</v>
      </c>
      <c r="B298" s="4" t="s">
        <v>822</v>
      </c>
      <c r="C298" s="3" t="s">
        <v>823</v>
      </c>
      <c r="D298" s="5" t="s">
        <v>918</v>
      </c>
      <c r="E298" s="3" t="s">
        <v>912</v>
      </c>
      <c r="F298" s="3" t="s">
        <v>1502</v>
      </c>
      <c r="G298" s="3" t="s">
        <v>155</v>
      </c>
      <c r="H298" s="3" t="s">
        <v>29</v>
      </c>
      <c r="I298" s="3" t="s">
        <v>920</v>
      </c>
      <c r="J298" s="3" t="s">
        <v>1503</v>
      </c>
      <c r="K298" s="3" t="s">
        <v>32</v>
      </c>
      <c r="L298" s="3" t="s">
        <v>33</v>
      </c>
      <c r="M298" s="3" t="s">
        <v>68</v>
      </c>
      <c r="N298" s="3" t="s">
        <v>916</v>
      </c>
      <c r="O298" s="3" t="s">
        <v>223</v>
      </c>
      <c r="P298" s="3" t="s">
        <v>37</v>
      </c>
      <c r="Q298" s="3" t="s">
        <v>37</v>
      </c>
      <c r="R298" s="3" t="s">
        <v>39</v>
      </c>
      <c r="S298" s="3" t="s">
        <v>1504</v>
      </c>
      <c r="T298" s="3" t="s">
        <v>37</v>
      </c>
      <c r="U298" s="3" t="s">
        <v>37</v>
      </c>
      <c r="V298" s="3" t="s">
        <v>37</v>
      </c>
    </row>
    <row r="299" spans="1:22" x14ac:dyDescent="0.25">
      <c r="A299" s="3" t="s">
        <v>911</v>
      </c>
      <c r="B299" s="4" t="s">
        <v>822</v>
      </c>
      <c r="C299" s="3" t="s">
        <v>823</v>
      </c>
      <c r="D299" s="5" t="s">
        <v>46</v>
      </c>
      <c r="E299" s="3" t="s">
        <v>934</v>
      </c>
      <c r="F299" s="3" t="s">
        <v>1475</v>
      </c>
      <c r="G299" s="3" t="s">
        <v>134</v>
      </c>
      <c r="H299" s="3" t="s">
        <v>29</v>
      </c>
      <c r="I299" s="3" t="s">
        <v>936</v>
      </c>
      <c r="J299" s="8" t="s">
        <v>937</v>
      </c>
      <c r="K299" s="3" t="s">
        <v>32</v>
      </c>
      <c r="L299" s="3" t="s">
        <v>33</v>
      </c>
      <c r="M299" s="3" t="s">
        <v>938</v>
      </c>
      <c r="N299" s="3" t="s">
        <v>190</v>
      </c>
      <c r="O299" s="3" t="s">
        <v>158</v>
      </c>
      <c r="P299" s="3" t="s">
        <v>37</v>
      </c>
      <c r="Q299" s="3" t="s">
        <v>37</v>
      </c>
      <c r="R299" s="3" t="s">
        <v>39</v>
      </c>
      <c r="S299" s="3" t="s">
        <v>1476</v>
      </c>
      <c r="T299" s="3" t="s">
        <v>37</v>
      </c>
      <c r="U299" s="3" t="s">
        <v>37</v>
      </c>
      <c r="V299" s="3" t="s">
        <v>37</v>
      </c>
    </row>
    <row r="300" spans="1:22" x14ac:dyDescent="0.25">
      <c r="A300" s="3" t="s">
        <v>911</v>
      </c>
      <c r="B300" s="4" t="s">
        <v>822</v>
      </c>
      <c r="C300" s="3" t="s">
        <v>823</v>
      </c>
      <c r="D300" s="5" t="s">
        <v>1179</v>
      </c>
      <c r="E300" s="3" t="s">
        <v>934</v>
      </c>
      <c r="F300" s="3" t="s">
        <v>1007</v>
      </c>
      <c r="G300" s="3" t="s">
        <v>269</v>
      </c>
      <c r="H300" s="3" t="s">
        <v>29</v>
      </c>
      <c r="I300" s="3" t="s">
        <v>936</v>
      </c>
      <c r="J300" s="3" t="s">
        <v>1008</v>
      </c>
      <c r="K300" s="3" t="s">
        <v>32</v>
      </c>
      <c r="L300" s="3" t="s">
        <v>33</v>
      </c>
      <c r="M300" s="3" t="s">
        <v>938</v>
      </c>
      <c r="N300" s="3" t="s">
        <v>190</v>
      </c>
      <c r="O300" s="3" t="s">
        <v>158</v>
      </c>
      <c r="P300" s="3" t="s">
        <v>37</v>
      </c>
      <c r="Q300" s="3" t="s">
        <v>37</v>
      </c>
      <c r="R300" s="3" t="s">
        <v>39</v>
      </c>
      <c r="S300" s="3" t="s">
        <v>1009</v>
      </c>
      <c r="T300" s="3" t="s">
        <v>37</v>
      </c>
      <c r="U300" s="3" t="s">
        <v>37</v>
      </c>
      <c r="V300" s="3" t="s">
        <v>37</v>
      </c>
    </row>
    <row r="301" spans="1:22" x14ac:dyDescent="0.25">
      <c r="A301" s="3" t="s">
        <v>911</v>
      </c>
      <c r="B301" s="4" t="s">
        <v>822</v>
      </c>
      <c r="C301" s="3" t="s">
        <v>823</v>
      </c>
      <c r="D301" s="5" t="s">
        <v>1182</v>
      </c>
      <c r="E301" s="3" t="s">
        <v>934</v>
      </c>
      <c r="F301" s="3" t="s">
        <v>1011</v>
      </c>
      <c r="G301" s="3" t="s">
        <v>384</v>
      </c>
      <c r="H301" s="3" t="s">
        <v>29</v>
      </c>
      <c r="I301" s="3" t="s">
        <v>936</v>
      </c>
      <c r="J301" s="3" t="s">
        <v>1012</v>
      </c>
      <c r="K301" s="3" t="s">
        <v>32</v>
      </c>
      <c r="L301" s="3" t="s">
        <v>33</v>
      </c>
      <c r="M301" s="3" t="s">
        <v>938</v>
      </c>
      <c r="N301" s="3" t="s">
        <v>190</v>
      </c>
      <c r="O301" s="3" t="s">
        <v>158</v>
      </c>
      <c r="P301" s="3" t="s">
        <v>37</v>
      </c>
      <c r="Q301" s="3" t="s">
        <v>37</v>
      </c>
      <c r="R301" s="3" t="s">
        <v>39</v>
      </c>
      <c r="S301" s="3" t="s">
        <v>1013</v>
      </c>
      <c r="T301" s="3" t="s">
        <v>37</v>
      </c>
      <c r="U301" s="3" t="s">
        <v>37</v>
      </c>
      <c r="V301" s="3" t="s">
        <v>37</v>
      </c>
    </row>
    <row r="302" spans="1:22" x14ac:dyDescent="0.25">
      <c r="A302" s="3" t="s">
        <v>911</v>
      </c>
      <c r="B302" s="4" t="s">
        <v>822</v>
      </c>
      <c r="C302" s="3" t="s">
        <v>823</v>
      </c>
      <c r="D302" s="5" t="s">
        <v>928</v>
      </c>
      <c r="E302" s="3" t="s">
        <v>934</v>
      </c>
      <c r="F302" s="3" t="s">
        <v>1075</v>
      </c>
      <c r="G302" s="3" t="s">
        <v>43</v>
      </c>
      <c r="H302" s="3" t="s">
        <v>29</v>
      </c>
      <c r="I302" s="3" t="s">
        <v>936</v>
      </c>
      <c r="J302" s="8" t="s">
        <v>937</v>
      </c>
      <c r="K302" s="3" t="s">
        <v>32</v>
      </c>
      <c r="L302" s="3" t="s">
        <v>33</v>
      </c>
      <c r="M302" s="3" t="s">
        <v>938</v>
      </c>
      <c r="N302" s="3" t="s">
        <v>190</v>
      </c>
      <c r="O302" s="3" t="s">
        <v>158</v>
      </c>
      <c r="P302" s="3" t="s">
        <v>37</v>
      </c>
      <c r="Q302" s="3" t="s">
        <v>37</v>
      </c>
      <c r="R302" s="3" t="s">
        <v>39</v>
      </c>
      <c r="S302" s="3" t="s">
        <v>1076</v>
      </c>
      <c r="T302" s="3" t="s">
        <v>37</v>
      </c>
      <c r="U302" s="3" t="s">
        <v>37</v>
      </c>
      <c r="V302" s="3" t="s">
        <v>37</v>
      </c>
    </row>
    <row r="303" spans="1:22" x14ac:dyDescent="0.25">
      <c r="A303" s="3" t="s">
        <v>911</v>
      </c>
      <c r="B303" s="4" t="s">
        <v>822</v>
      </c>
      <c r="C303" s="3" t="s">
        <v>823</v>
      </c>
      <c r="D303" s="5" t="s">
        <v>1187</v>
      </c>
      <c r="E303" s="3" t="s">
        <v>934</v>
      </c>
      <c r="F303" s="3" t="s">
        <v>1077</v>
      </c>
      <c r="G303" s="3" t="s">
        <v>414</v>
      </c>
      <c r="H303" s="3" t="s">
        <v>29</v>
      </c>
      <c r="I303" s="3" t="s">
        <v>936</v>
      </c>
      <c r="J303" s="3" t="s">
        <v>1078</v>
      </c>
      <c r="K303" s="3" t="s">
        <v>32</v>
      </c>
      <c r="L303" s="3" t="s">
        <v>33</v>
      </c>
      <c r="M303" s="3" t="s">
        <v>938</v>
      </c>
      <c r="N303" s="3" t="s">
        <v>190</v>
      </c>
      <c r="O303" s="3" t="s">
        <v>158</v>
      </c>
      <c r="P303" s="3" t="s">
        <v>37</v>
      </c>
      <c r="Q303" s="3" t="s">
        <v>37</v>
      </c>
      <c r="R303" s="3" t="s">
        <v>39</v>
      </c>
      <c r="S303" s="3" t="s">
        <v>1079</v>
      </c>
      <c r="T303" s="3" t="s">
        <v>37</v>
      </c>
      <c r="U303" s="3" t="s">
        <v>37</v>
      </c>
      <c r="V303" s="3" t="s">
        <v>37</v>
      </c>
    </row>
    <row r="304" spans="1:22" x14ac:dyDescent="0.25">
      <c r="A304" s="3" t="s">
        <v>911</v>
      </c>
      <c r="B304" s="4" t="s">
        <v>822</v>
      </c>
      <c r="C304" s="3" t="s">
        <v>823</v>
      </c>
      <c r="D304" s="5" t="s">
        <v>663</v>
      </c>
      <c r="E304" s="3" t="s">
        <v>934</v>
      </c>
      <c r="F304" s="3" t="s">
        <v>1080</v>
      </c>
      <c r="G304" s="3" t="s">
        <v>201</v>
      </c>
      <c r="H304" s="3" t="s">
        <v>29</v>
      </c>
      <c r="I304" s="3" t="s">
        <v>936</v>
      </c>
      <c r="J304" s="3" t="s">
        <v>1081</v>
      </c>
      <c r="K304" s="3" t="s">
        <v>32</v>
      </c>
      <c r="L304" s="3" t="s">
        <v>33</v>
      </c>
      <c r="M304" s="3" t="s">
        <v>938</v>
      </c>
      <c r="N304" s="3" t="s">
        <v>190</v>
      </c>
      <c r="O304" s="3" t="s">
        <v>158</v>
      </c>
      <c r="P304" s="3" t="s">
        <v>37</v>
      </c>
      <c r="Q304" s="3" t="s">
        <v>37</v>
      </c>
      <c r="R304" s="3" t="s">
        <v>39</v>
      </c>
      <c r="S304" s="3" t="s">
        <v>1082</v>
      </c>
      <c r="T304" s="3" t="s">
        <v>37</v>
      </c>
      <c r="U304" s="3" t="s">
        <v>37</v>
      </c>
      <c r="V304" s="3" t="s">
        <v>37</v>
      </c>
    </row>
    <row r="305" spans="1:22" x14ac:dyDescent="0.25">
      <c r="A305" s="3" t="s">
        <v>911</v>
      </c>
      <c r="B305" s="4" t="s">
        <v>822</v>
      </c>
      <c r="C305" s="3" t="s">
        <v>823</v>
      </c>
      <c r="D305" s="5" t="s">
        <v>933</v>
      </c>
      <c r="E305" s="3" t="s">
        <v>521</v>
      </c>
      <c r="F305" s="3" t="s">
        <v>1197</v>
      </c>
      <c r="G305" s="3" t="s">
        <v>247</v>
      </c>
      <c r="H305" s="3" t="s">
        <v>59</v>
      </c>
      <c r="I305" s="3" t="s">
        <v>523</v>
      </c>
      <c r="J305" s="3" t="s">
        <v>1198</v>
      </c>
      <c r="K305" s="3" t="s">
        <v>32</v>
      </c>
      <c r="L305" s="3" t="s">
        <v>33</v>
      </c>
      <c r="M305" s="3" t="s">
        <v>34</v>
      </c>
      <c r="N305" s="3" t="s">
        <v>77</v>
      </c>
      <c r="O305" s="3" t="s">
        <v>223</v>
      </c>
      <c r="P305" s="3" t="s">
        <v>37</v>
      </c>
      <c r="Q305" s="3" t="s">
        <v>37</v>
      </c>
      <c r="R305" s="3" t="s">
        <v>39</v>
      </c>
      <c r="S305" s="3" t="s">
        <v>1199</v>
      </c>
      <c r="T305" s="3" t="s">
        <v>37</v>
      </c>
      <c r="U305" s="3" t="s">
        <v>37</v>
      </c>
      <c r="V305" s="3" t="s">
        <v>37</v>
      </c>
    </row>
    <row r="306" spans="1:22" x14ac:dyDescent="0.25">
      <c r="A306" s="3" t="s">
        <v>911</v>
      </c>
      <c r="B306" s="4" t="s">
        <v>822</v>
      </c>
      <c r="C306" s="3" t="s">
        <v>823</v>
      </c>
      <c r="D306" s="5" t="s">
        <v>946</v>
      </c>
      <c r="E306" s="3" t="s">
        <v>521</v>
      </c>
      <c r="F306" s="3" t="s">
        <v>1505</v>
      </c>
      <c r="G306" s="3" t="s">
        <v>310</v>
      </c>
      <c r="H306" s="3" t="s">
        <v>59</v>
      </c>
      <c r="I306" s="3" t="s">
        <v>523</v>
      </c>
      <c r="J306" s="3" t="s">
        <v>1506</v>
      </c>
      <c r="K306" s="3" t="s">
        <v>32</v>
      </c>
      <c r="L306" s="3" t="s">
        <v>37</v>
      </c>
      <c r="M306" s="3" t="s">
        <v>34</v>
      </c>
      <c r="N306" s="3" t="s">
        <v>77</v>
      </c>
      <c r="O306" s="3" t="s">
        <v>223</v>
      </c>
      <c r="P306" s="3" t="s">
        <v>37</v>
      </c>
      <c r="Q306" s="3" t="s">
        <v>37</v>
      </c>
      <c r="R306" s="3" t="s">
        <v>39</v>
      </c>
      <c r="S306" s="3" t="s">
        <v>1507</v>
      </c>
      <c r="T306" s="3" t="s">
        <v>37</v>
      </c>
      <c r="U306" s="3" t="s">
        <v>37</v>
      </c>
      <c r="V306" s="3" t="s">
        <v>37</v>
      </c>
    </row>
    <row r="307" spans="1:22" x14ac:dyDescent="0.25">
      <c r="A307" s="3" t="s">
        <v>911</v>
      </c>
      <c r="B307" s="4" t="s">
        <v>822</v>
      </c>
      <c r="C307" s="3" t="s">
        <v>823</v>
      </c>
      <c r="D307" s="5" t="s">
        <v>955</v>
      </c>
      <c r="E307" s="3" t="s">
        <v>929</v>
      </c>
      <c r="F307" s="3" t="s">
        <v>991</v>
      </c>
      <c r="G307" s="3" t="s">
        <v>269</v>
      </c>
      <c r="H307" s="3" t="s">
        <v>29</v>
      </c>
      <c r="I307" s="3" t="s">
        <v>37</v>
      </c>
      <c r="J307" s="7" t="s">
        <v>931</v>
      </c>
      <c r="K307" s="3" t="s">
        <v>32</v>
      </c>
      <c r="L307" s="3" t="s">
        <v>33</v>
      </c>
      <c r="M307" s="3" t="s">
        <v>68</v>
      </c>
      <c r="N307" s="3" t="s">
        <v>69</v>
      </c>
      <c r="O307" s="3" t="s">
        <v>53</v>
      </c>
      <c r="P307" s="3" t="s">
        <v>37</v>
      </c>
      <c r="Q307" s="3" t="s">
        <v>37</v>
      </c>
      <c r="R307" s="3" t="s">
        <v>39</v>
      </c>
      <c r="S307" s="3" t="s">
        <v>992</v>
      </c>
      <c r="T307" s="3" t="s">
        <v>37</v>
      </c>
      <c r="U307" s="3" t="s">
        <v>37</v>
      </c>
      <c r="V307" s="3" t="s">
        <v>37</v>
      </c>
    </row>
    <row r="308" spans="1:22" x14ac:dyDescent="0.25">
      <c r="A308" s="3" t="s">
        <v>911</v>
      </c>
      <c r="B308" s="4" t="s">
        <v>822</v>
      </c>
      <c r="C308" s="3" t="s">
        <v>823</v>
      </c>
      <c r="D308" s="5" t="s">
        <v>960</v>
      </c>
      <c r="E308" s="3" t="s">
        <v>929</v>
      </c>
      <c r="F308" s="3" t="s">
        <v>1508</v>
      </c>
      <c r="G308" s="3" t="s">
        <v>147</v>
      </c>
      <c r="H308" s="3" t="s">
        <v>29</v>
      </c>
      <c r="I308" s="3" t="s">
        <v>37</v>
      </c>
      <c r="J308" s="3" t="s">
        <v>1509</v>
      </c>
      <c r="K308" s="3" t="s">
        <v>32</v>
      </c>
      <c r="L308" s="3" t="s">
        <v>33</v>
      </c>
      <c r="M308" s="3" t="s">
        <v>68</v>
      </c>
      <c r="N308" s="3" t="s">
        <v>69</v>
      </c>
      <c r="O308" s="3" t="s">
        <v>53</v>
      </c>
      <c r="P308" s="3" t="s">
        <v>37</v>
      </c>
      <c r="Q308" s="3" t="s">
        <v>37</v>
      </c>
      <c r="R308" s="3" t="s">
        <v>39</v>
      </c>
      <c r="S308" s="3" t="s">
        <v>1510</v>
      </c>
      <c r="T308" s="3" t="s">
        <v>37</v>
      </c>
      <c r="U308" s="3" t="s">
        <v>37</v>
      </c>
      <c r="V308" s="3" t="s">
        <v>37</v>
      </c>
    </row>
    <row r="309" spans="1:22" x14ac:dyDescent="0.25">
      <c r="A309" s="3" t="s">
        <v>911</v>
      </c>
      <c r="B309" s="4" t="s">
        <v>822</v>
      </c>
      <c r="C309" s="3" t="s">
        <v>823</v>
      </c>
      <c r="D309" s="5" t="s">
        <v>964</v>
      </c>
      <c r="E309" s="3" t="s">
        <v>1206</v>
      </c>
      <c r="F309" s="3" t="s">
        <v>1511</v>
      </c>
      <c r="G309" s="3" t="s">
        <v>546</v>
      </c>
      <c r="H309" s="3" t="s">
        <v>59</v>
      </c>
      <c r="I309" s="3" t="s">
        <v>1314</v>
      </c>
      <c r="J309" s="7" t="s">
        <v>1512</v>
      </c>
      <c r="K309" s="3" t="s">
        <v>32</v>
      </c>
      <c r="L309" s="3" t="s">
        <v>33</v>
      </c>
      <c r="M309" s="3" t="s">
        <v>68</v>
      </c>
      <c r="N309" s="3" t="s">
        <v>69</v>
      </c>
      <c r="O309" s="3" t="s">
        <v>36</v>
      </c>
      <c r="P309" s="3" t="s">
        <v>37</v>
      </c>
      <c r="Q309" s="3" t="s">
        <v>37</v>
      </c>
      <c r="R309" s="3" t="s">
        <v>39</v>
      </c>
      <c r="S309" s="3" t="s">
        <v>1513</v>
      </c>
      <c r="T309" s="3" t="s">
        <v>37</v>
      </c>
      <c r="U309" s="3" t="s">
        <v>37</v>
      </c>
      <c r="V309" s="3" t="s">
        <v>37</v>
      </c>
    </row>
    <row r="310" spans="1:22" x14ac:dyDescent="0.25">
      <c r="A310" s="3" t="s">
        <v>911</v>
      </c>
      <c r="B310" s="4" t="s">
        <v>822</v>
      </c>
      <c r="C310" s="3" t="s">
        <v>823</v>
      </c>
      <c r="D310" s="5" t="s">
        <v>969</v>
      </c>
      <c r="E310" s="3" t="s">
        <v>1206</v>
      </c>
      <c r="F310" s="3" t="s">
        <v>1514</v>
      </c>
      <c r="G310" s="3" t="s">
        <v>706</v>
      </c>
      <c r="H310" s="3" t="s">
        <v>59</v>
      </c>
      <c r="I310" s="3" t="s">
        <v>1212</v>
      </c>
      <c r="J310" s="7" t="s">
        <v>1512</v>
      </c>
      <c r="K310" s="3" t="s">
        <v>32</v>
      </c>
      <c r="L310" s="3" t="s">
        <v>33</v>
      </c>
      <c r="M310" s="3" t="s">
        <v>68</v>
      </c>
      <c r="N310" s="3" t="s">
        <v>69</v>
      </c>
      <c r="O310" s="3" t="s">
        <v>223</v>
      </c>
      <c r="P310" s="3" t="s">
        <v>37</v>
      </c>
      <c r="Q310" s="3" t="s">
        <v>37</v>
      </c>
      <c r="R310" s="3" t="s">
        <v>39</v>
      </c>
      <c r="S310" s="3" t="s">
        <v>1515</v>
      </c>
      <c r="T310" s="3" t="s">
        <v>37</v>
      </c>
      <c r="U310" s="3" t="s">
        <v>37</v>
      </c>
      <c r="V310" s="3" t="s">
        <v>37</v>
      </c>
    </row>
    <row r="311" spans="1:22" x14ac:dyDescent="0.25">
      <c r="A311" s="3" t="s">
        <v>911</v>
      </c>
      <c r="B311" s="4" t="s">
        <v>822</v>
      </c>
      <c r="C311" s="3" t="s">
        <v>823</v>
      </c>
      <c r="D311" s="5" t="s">
        <v>105</v>
      </c>
      <c r="E311" s="3" t="s">
        <v>1206</v>
      </c>
      <c r="F311" s="3" t="s">
        <v>1516</v>
      </c>
      <c r="G311" s="3" t="s">
        <v>649</v>
      </c>
      <c r="H311" s="3" t="s">
        <v>59</v>
      </c>
      <c r="I311" s="3" t="s">
        <v>1212</v>
      </c>
      <c r="J311" s="7" t="s">
        <v>1512</v>
      </c>
      <c r="K311" s="3" t="s">
        <v>32</v>
      </c>
      <c r="L311" s="3" t="s">
        <v>33</v>
      </c>
      <c r="M311" s="3" t="s">
        <v>68</v>
      </c>
      <c r="N311" s="3" t="s">
        <v>69</v>
      </c>
      <c r="O311" s="3" t="s">
        <v>223</v>
      </c>
      <c r="P311" s="3" t="s">
        <v>37</v>
      </c>
      <c r="Q311" s="3" t="s">
        <v>37</v>
      </c>
      <c r="R311" s="3" t="s">
        <v>39</v>
      </c>
      <c r="S311" s="3" t="s">
        <v>1517</v>
      </c>
      <c r="T311" s="3" t="s">
        <v>37</v>
      </c>
      <c r="U311" s="3" t="s">
        <v>37</v>
      </c>
      <c r="V311" s="3" t="s">
        <v>37</v>
      </c>
    </row>
    <row r="312" spans="1:22" x14ac:dyDescent="0.25">
      <c r="A312" s="3" t="s">
        <v>911</v>
      </c>
      <c r="B312" s="4" t="s">
        <v>822</v>
      </c>
      <c r="C312" s="3" t="s">
        <v>823</v>
      </c>
      <c r="D312" s="5" t="s">
        <v>685</v>
      </c>
      <c r="E312" s="3" t="s">
        <v>521</v>
      </c>
      <c r="F312" s="3" t="s">
        <v>1300</v>
      </c>
      <c r="G312" s="3" t="s">
        <v>592</v>
      </c>
      <c r="H312" s="3" t="s">
        <v>59</v>
      </c>
      <c r="I312" s="3" t="s">
        <v>523</v>
      </c>
      <c r="J312" s="3" t="s">
        <v>1301</v>
      </c>
      <c r="K312" s="3" t="s">
        <v>32</v>
      </c>
      <c r="L312" s="3" t="s">
        <v>33</v>
      </c>
      <c r="M312" s="3" t="s">
        <v>34</v>
      </c>
      <c r="N312" s="3" t="s">
        <v>77</v>
      </c>
      <c r="O312" s="3" t="s">
        <v>223</v>
      </c>
      <c r="P312" s="3" t="s">
        <v>37</v>
      </c>
      <c r="Q312" s="3" t="s">
        <v>37</v>
      </c>
      <c r="R312" s="3" t="s">
        <v>39</v>
      </c>
      <c r="S312" s="3" t="s">
        <v>1302</v>
      </c>
      <c r="T312" s="3" t="s">
        <v>37</v>
      </c>
      <c r="U312" s="3" t="s">
        <v>37</v>
      </c>
      <c r="V312" s="3" t="s">
        <v>37</v>
      </c>
    </row>
    <row r="313" spans="1:22" x14ac:dyDescent="0.25">
      <c r="A313" s="3" t="s">
        <v>911</v>
      </c>
      <c r="B313" s="4" t="s">
        <v>822</v>
      </c>
      <c r="C313" s="3" t="s">
        <v>823</v>
      </c>
      <c r="D313" s="5" t="s">
        <v>979</v>
      </c>
      <c r="E313" s="3" t="s">
        <v>521</v>
      </c>
      <c r="F313" s="3" t="s">
        <v>1437</v>
      </c>
      <c r="G313" s="3" t="s">
        <v>305</v>
      </c>
      <c r="H313" s="3" t="s">
        <v>59</v>
      </c>
      <c r="I313" s="3" t="s">
        <v>523</v>
      </c>
      <c r="J313" s="3" t="s">
        <v>1438</v>
      </c>
      <c r="K313" s="3" t="s">
        <v>32</v>
      </c>
      <c r="L313" s="3" t="s">
        <v>37</v>
      </c>
      <c r="M313" s="3" t="s">
        <v>34</v>
      </c>
      <c r="N313" s="3" t="s">
        <v>77</v>
      </c>
      <c r="O313" s="3" t="s">
        <v>223</v>
      </c>
      <c r="P313" s="3" t="s">
        <v>37</v>
      </c>
      <c r="Q313" s="3" t="s">
        <v>37</v>
      </c>
      <c r="R313" s="3" t="s">
        <v>39</v>
      </c>
      <c r="S313" s="3" t="s">
        <v>1439</v>
      </c>
      <c r="T313" s="3" t="s">
        <v>37</v>
      </c>
      <c r="U313" s="3" t="s">
        <v>37</v>
      </c>
      <c r="V313" s="3" t="s">
        <v>37</v>
      </c>
    </row>
    <row r="314" spans="1:22" x14ac:dyDescent="0.25">
      <c r="A314" s="3" t="s">
        <v>911</v>
      </c>
      <c r="B314" s="4" t="s">
        <v>822</v>
      </c>
      <c r="C314" s="3" t="s">
        <v>823</v>
      </c>
      <c r="D314" s="5" t="s">
        <v>982</v>
      </c>
      <c r="E314" s="3" t="s">
        <v>521</v>
      </c>
      <c r="F314" s="3" t="s">
        <v>1505</v>
      </c>
      <c r="G314" s="3" t="s">
        <v>310</v>
      </c>
      <c r="H314" s="3" t="s">
        <v>59</v>
      </c>
      <c r="I314" s="3" t="s">
        <v>523</v>
      </c>
      <c r="J314" s="3" t="s">
        <v>1506</v>
      </c>
      <c r="K314" s="3" t="s">
        <v>32</v>
      </c>
      <c r="L314" s="3" t="s">
        <v>37</v>
      </c>
      <c r="M314" s="3" t="s">
        <v>34</v>
      </c>
      <c r="N314" s="3" t="s">
        <v>77</v>
      </c>
      <c r="O314" s="3" t="s">
        <v>223</v>
      </c>
      <c r="P314" s="3" t="s">
        <v>37</v>
      </c>
      <c r="Q314" s="3" t="s">
        <v>37</v>
      </c>
      <c r="R314" s="3" t="s">
        <v>39</v>
      </c>
      <c r="S314" s="3" t="s">
        <v>1507</v>
      </c>
      <c r="T314" s="3" t="s">
        <v>37</v>
      </c>
      <c r="U314" s="3" t="s">
        <v>37</v>
      </c>
      <c r="V314" s="3" t="s">
        <v>37</v>
      </c>
    </row>
    <row r="315" spans="1:22" x14ac:dyDescent="0.25">
      <c r="A315" s="3" t="s">
        <v>911</v>
      </c>
      <c r="B315" s="4" t="s">
        <v>822</v>
      </c>
      <c r="C315" s="3" t="s">
        <v>823</v>
      </c>
      <c r="D315" s="5" t="s">
        <v>128</v>
      </c>
      <c r="E315" s="3" t="s">
        <v>965</v>
      </c>
      <c r="F315" s="3" t="s">
        <v>1518</v>
      </c>
      <c r="G315" s="3" t="s">
        <v>134</v>
      </c>
      <c r="H315" s="3" t="s">
        <v>29</v>
      </c>
      <c r="I315" s="3" t="s">
        <v>1230</v>
      </c>
      <c r="J315" s="3" t="s">
        <v>1519</v>
      </c>
      <c r="K315" s="3" t="s">
        <v>32</v>
      </c>
      <c r="L315" s="3" t="s">
        <v>33</v>
      </c>
      <c r="M315" s="3" t="s">
        <v>68</v>
      </c>
      <c r="N315" s="3" t="s">
        <v>69</v>
      </c>
      <c r="O315" s="3" t="s">
        <v>36</v>
      </c>
      <c r="P315" s="3" t="s">
        <v>37</v>
      </c>
      <c r="Q315" s="3" t="s">
        <v>37</v>
      </c>
      <c r="R315" s="3" t="s">
        <v>39</v>
      </c>
      <c r="S315" s="3" t="s">
        <v>1520</v>
      </c>
      <c r="T315" s="3" t="s">
        <v>37</v>
      </c>
      <c r="U315" s="3" t="s">
        <v>37</v>
      </c>
      <c r="V315" s="3" t="s">
        <v>37</v>
      </c>
    </row>
    <row r="316" spans="1:22" x14ac:dyDescent="0.25">
      <c r="A316" s="3" t="s">
        <v>911</v>
      </c>
      <c r="B316" s="4" t="s">
        <v>822</v>
      </c>
      <c r="C316" s="3" t="s">
        <v>823</v>
      </c>
      <c r="D316" s="5" t="s">
        <v>474</v>
      </c>
      <c r="E316" s="3" t="s">
        <v>965</v>
      </c>
      <c r="F316" s="3" t="s">
        <v>1521</v>
      </c>
      <c r="G316" s="3" t="s">
        <v>384</v>
      </c>
      <c r="H316" s="3" t="s">
        <v>29</v>
      </c>
      <c r="I316" s="3" t="s">
        <v>1230</v>
      </c>
      <c r="J316" s="3" t="s">
        <v>1522</v>
      </c>
      <c r="K316" s="3" t="s">
        <v>32</v>
      </c>
      <c r="L316" s="3" t="s">
        <v>33</v>
      </c>
      <c r="M316" s="3" t="s">
        <v>68</v>
      </c>
      <c r="N316" s="3" t="s">
        <v>69</v>
      </c>
      <c r="O316" s="3" t="s">
        <v>36</v>
      </c>
      <c r="P316" s="3" t="s">
        <v>37</v>
      </c>
      <c r="Q316" s="3" t="s">
        <v>37</v>
      </c>
      <c r="R316" s="3" t="s">
        <v>39</v>
      </c>
      <c r="S316" s="3" t="s">
        <v>1523</v>
      </c>
      <c r="T316" s="3" t="s">
        <v>37</v>
      </c>
      <c r="U316" s="3" t="s">
        <v>37</v>
      </c>
      <c r="V316" s="3" t="s">
        <v>37</v>
      </c>
    </row>
    <row r="317" spans="1:22" x14ac:dyDescent="0.25">
      <c r="A317" s="3" t="s">
        <v>911</v>
      </c>
      <c r="B317" s="4" t="s">
        <v>822</v>
      </c>
      <c r="C317" s="3" t="s">
        <v>823</v>
      </c>
      <c r="D317" s="5" t="s">
        <v>137</v>
      </c>
      <c r="E317" s="3" t="s">
        <v>934</v>
      </c>
      <c r="F317" s="3" t="s">
        <v>1083</v>
      </c>
      <c r="G317" s="3" t="s">
        <v>211</v>
      </c>
      <c r="H317" s="3" t="s">
        <v>29</v>
      </c>
      <c r="I317" s="3" t="s">
        <v>936</v>
      </c>
      <c r="J317" s="8" t="s">
        <v>937</v>
      </c>
      <c r="K317" s="3" t="s">
        <v>32</v>
      </c>
      <c r="L317" s="3" t="s">
        <v>33</v>
      </c>
      <c r="M317" s="3" t="s">
        <v>938</v>
      </c>
      <c r="N317" s="3" t="s">
        <v>190</v>
      </c>
      <c r="O317" s="3" t="s">
        <v>158</v>
      </c>
      <c r="P317" s="3" t="s">
        <v>37</v>
      </c>
      <c r="Q317" s="3" t="s">
        <v>37</v>
      </c>
      <c r="R317" s="3" t="s">
        <v>39</v>
      </c>
      <c r="S317" s="3" t="s">
        <v>1084</v>
      </c>
      <c r="T317" s="3" t="s">
        <v>37</v>
      </c>
      <c r="U317" s="3" t="s">
        <v>37</v>
      </c>
      <c r="V317" s="3" t="s">
        <v>37</v>
      </c>
    </row>
    <row r="318" spans="1:22" x14ac:dyDescent="0.25">
      <c r="A318" s="3" t="s">
        <v>911</v>
      </c>
      <c r="B318" s="4" t="s">
        <v>822</v>
      </c>
      <c r="C318" s="3" t="s">
        <v>823</v>
      </c>
      <c r="D318" s="5" t="s">
        <v>692</v>
      </c>
      <c r="E318" s="3" t="s">
        <v>934</v>
      </c>
      <c r="F318" s="3" t="s">
        <v>1085</v>
      </c>
      <c r="G318" s="3" t="s">
        <v>367</v>
      </c>
      <c r="H318" s="3" t="s">
        <v>29</v>
      </c>
      <c r="I318" s="3" t="s">
        <v>936</v>
      </c>
      <c r="J318" s="8" t="s">
        <v>937</v>
      </c>
      <c r="K318" s="3" t="s">
        <v>32</v>
      </c>
      <c r="L318" s="3" t="s">
        <v>33</v>
      </c>
      <c r="M318" s="3" t="s">
        <v>938</v>
      </c>
      <c r="N318" s="3" t="s">
        <v>190</v>
      </c>
      <c r="O318" s="3" t="s">
        <v>158</v>
      </c>
      <c r="P318" s="3" t="s">
        <v>37</v>
      </c>
      <c r="Q318" s="3" t="s">
        <v>37</v>
      </c>
      <c r="R318" s="3" t="s">
        <v>39</v>
      </c>
      <c r="S318" s="3" t="s">
        <v>1086</v>
      </c>
      <c r="T318" s="3" t="s">
        <v>37</v>
      </c>
      <c r="U318" s="3" t="s">
        <v>37</v>
      </c>
      <c r="V318" s="3" t="s">
        <v>37</v>
      </c>
    </row>
    <row r="319" spans="1:22" x14ac:dyDescent="0.25">
      <c r="A319" s="3" t="s">
        <v>911</v>
      </c>
      <c r="B319" s="4" t="s">
        <v>822</v>
      </c>
      <c r="C319" s="3" t="s">
        <v>823</v>
      </c>
      <c r="D319" s="5" t="s">
        <v>1242</v>
      </c>
      <c r="E319" s="3" t="s">
        <v>934</v>
      </c>
      <c r="F319" s="3" t="s">
        <v>1087</v>
      </c>
      <c r="G319" s="3" t="s">
        <v>375</v>
      </c>
      <c r="H319" s="3" t="s">
        <v>29</v>
      </c>
      <c r="I319" s="3" t="s">
        <v>942</v>
      </c>
      <c r="J319" s="3" t="s">
        <v>1088</v>
      </c>
      <c r="K319" s="3" t="s">
        <v>32</v>
      </c>
      <c r="L319" s="3" t="s">
        <v>33</v>
      </c>
      <c r="M319" s="3" t="s">
        <v>938</v>
      </c>
      <c r="N319" s="3" t="s">
        <v>190</v>
      </c>
      <c r="O319" s="3" t="s">
        <v>158</v>
      </c>
      <c r="P319" s="3" t="s">
        <v>37</v>
      </c>
      <c r="Q319" s="3" t="s">
        <v>37</v>
      </c>
      <c r="R319" s="3" t="s">
        <v>39</v>
      </c>
      <c r="S319" s="3" t="s">
        <v>1089</v>
      </c>
      <c r="T319" s="3" t="s">
        <v>37</v>
      </c>
      <c r="U319" s="3" t="s">
        <v>37</v>
      </c>
      <c r="V319" s="3" t="s">
        <v>37</v>
      </c>
    </row>
    <row r="320" spans="1:22" x14ac:dyDescent="0.25">
      <c r="A320" s="3" t="s">
        <v>911</v>
      </c>
      <c r="B320" s="4" t="s">
        <v>822</v>
      </c>
      <c r="C320" s="3" t="s">
        <v>823</v>
      </c>
      <c r="D320" s="5" t="s">
        <v>993</v>
      </c>
      <c r="E320" s="3" t="s">
        <v>934</v>
      </c>
      <c r="F320" s="3" t="s">
        <v>1132</v>
      </c>
      <c r="G320" s="3" t="s">
        <v>176</v>
      </c>
      <c r="H320" s="3" t="s">
        <v>29</v>
      </c>
      <c r="I320" s="3" t="s">
        <v>936</v>
      </c>
      <c r="J320" s="8" t="s">
        <v>937</v>
      </c>
      <c r="K320" s="3" t="s">
        <v>32</v>
      </c>
      <c r="L320" s="3" t="s">
        <v>33</v>
      </c>
      <c r="M320" s="3" t="s">
        <v>938</v>
      </c>
      <c r="N320" s="3" t="s">
        <v>190</v>
      </c>
      <c r="O320" s="3" t="s">
        <v>158</v>
      </c>
      <c r="P320" s="3" t="s">
        <v>37</v>
      </c>
      <c r="Q320" s="3" t="s">
        <v>37</v>
      </c>
      <c r="R320" s="3" t="s">
        <v>39</v>
      </c>
      <c r="S320" s="3" t="s">
        <v>1133</v>
      </c>
      <c r="T320" s="3" t="s">
        <v>37</v>
      </c>
      <c r="U320" s="3" t="s">
        <v>37</v>
      </c>
      <c r="V320" s="3" t="s">
        <v>37</v>
      </c>
    </row>
    <row r="321" spans="1:22" x14ac:dyDescent="0.25">
      <c r="A321" s="3" t="s">
        <v>911</v>
      </c>
      <c r="B321" s="4" t="s">
        <v>822</v>
      </c>
      <c r="C321" s="3" t="s">
        <v>823</v>
      </c>
      <c r="D321" s="5" t="s">
        <v>1248</v>
      </c>
      <c r="E321" s="3" t="s">
        <v>934</v>
      </c>
      <c r="F321" s="3" t="s">
        <v>1134</v>
      </c>
      <c r="G321" s="3" t="s">
        <v>344</v>
      </c>
      <c r="H321" s="3" t="s">
        <v>29</v>
      </c>
      <c r="I321" s="3" t="s">
        <v>936</v>
      </c>
      <c r="J321" s="8" t="s">
        <v>937</v>
      </c>
      <c r="K321" s="3" t="s">
        <v>32</v>
      </c>
      <c r="L321" s="3" t="s">
        <v>33</v>
      </c>
      <c r="M321" s="3" t="s">
        <v>938</v>
      </c>
      <c r="N321" s="3" t="s">
        <v>190</v>
      </c>
      <c r="O321" s="3" t="s">
        <v>158</v>
      </c>
      <c r="P321" s="3" t="s">
        <v>37</v>
      </c>
      <c r="Q321" s="3" t="s">
        <v>37</v>
      </c>
      <c r="R321" s="3" t="s">
        <v>39</v>
      </c>
      <c r="S321" s="3" t="s">
        <v>1135</v>
      </c>
      <c r="T321" s="3" t="s">
        <v>37</v>
      </c>
      <c r="U321" s="3" t="s">
        <v>37</v>
      </c>
      <c r="V321" s="3" t="s">
        <v>37</v>
      </c>
    </row>
    <row r="322" spans="1:22" x14ac:dyDescent="0.25">
      <c r="A322" s="3" t="s">
        <v>911</v>
      </c>
      <c r="B322" s="4" t="s">
        <v>822</v>
      </c>
      <c r="C322" s="3" t="s">
        <v>823</v>
      </c>
      <c r="D322" s="5" t="s">
        <v>150</v>
      </c>
      <c r="E322" s="3" t="s">
        <v>934</v>
      </c>
      <c r="F322" s="3" t="s">
        <v>1136</v>
      </c>
      <c r="G322" s="3" t="s">
        <v>592</v>
      </c>
      <c r="H322" s="3" t="s">
        <v>29</v>
      </c>
      <c r="I322" s="3" t="s">
        <v>936</v>
      </c>
      <c r="J322" s="8" t="s">
        <v>937</v>
      </c>
      <c r="K322" s="3" t="s">
        <v>32</v>
      </c>
      <c r="L322" s="3" t="s">
        <v>33</v>
      </c>
      <c r="M322" s="3" t="s">
        <v>938</v>
      </c>
      <c r="N322" s="3" t="s">
        <v>190</v>
      </c>
      <c r="O322" s="3" t="s">
        <v>158</v>
      </c>
      <c r="P322" s="3" t="s">
        <v>37</v>
      </c>
      <c r="Q322" s="3" t="s">
        <v>37</v>
      </c>
      <c r="R322" s="3" t="s">
        <v>39</v>
      </c>
      <c r="S322" s="3" t="s">
        <v>1137</v>
      </c>
      <c r="T322" s="3" t="s">
        <v>37</v>
      </c>
      <c r="U322" s="3" t="s">
        <v>37</v>
      </c>
      <c r="V322" s="3" t="s">
        <v>37</v>
      </c>
    </row>
    <row r="323" spans="1:22" x14ac:dyDescent="0.25">
      <c r="A323" s="3" t="s">
        <v>911</v>
      </c>
      <c r="B323" s="4" t="s">
        <v>822</v>
      </c>
      <c r="C323" s="3" t="s">
        <v>823</v>
      </c>
      <c r="D323" s="5" t="s">
        <v>152</v>
      </c>
      <c r="E323" s="3" t="s">
        <v>929</v>
      </c>
      <c r="F323" s="3" t="s">
        <v>1203</v>
      </c>
      <c r="G323" s="3" t="s">
        <v>439</v>
      </c>
      <c r="H323" s="3" t="s">
        <v>29</v>
      </c>
      <c r="I323" s="3" t="s">
        <v>37</v>
      </c>
      <c r="J323" s="3" t="s">
        <v>1204</v>
      </c>
      <c r="K323" s="3" t="s">
        <v>32</v>
      </c>
      <c r="L323" s="3" t="s">
        <v>33</v>
      </c>
      <c r="M323" s="3" t="s">
        <v>68</v>
      </c>
      <c r="N323" s="3" t="s">
        <v>69</v>
      </c>
      <c r="O323" s="3" t="s">
        <v>53</v>
      </c>
      <c r="P323" s="3" t="s">
        <v>37</v>
      </c>
      <c r="Q323" s="3" t="s">
        <v>37</v>
      </c>
      <c r="R323" s="3" t="s">
        <v>39</v>
      </c>
      <c r="S323" s="3" t="s">
        <v>1205</v>
      </c>
      <c r="T323" s="3" t="s">
        <v>37</v>
      </c>
      <c r="U323" s="3" t="s">
        <v>37</v>
      </c>
      <c r="V323" s="3" t="s">
        <v>37</v>
      </c>
    </row>
    <row r="324" spans="1:22" x14ac:dyDescent="0.25">
      <c r="A324" s="3" t="s">
        <v>911</v>
      </c>
      <c r="B324" s="4" t="s">
        <v>822</v>
      </c>
      <c r="C324" s="3" t="s">
        <v>823</v>
      </c>
      <c r="D324" s="5" t="s">
        <v>165</v>
      </c>
      <c r="E324" s="3" t="s">
        <v>521</v>
      </c>
      <c r="F324" s="3" t="s">
        <v>1524</v>
      </c>
      <c r="G324" s="3" t="s">
        <v>795</v>
      </c>
      <c r="H324" s="3" t="s">
        <v>87</v>
      </c>
      <c r="I324" s="3" t="s">
        <v>523</v>
      </c>
      <c r="J324" s="3" t="s">
        <v>1525</v>
      </c>
      <c r="K324" s="3" t="s">
        <v>32</v>
      </c>
      <c r="L324" s="3" t="s">
        <v>33</v>
      </c>
      <c r="M324" s="3" t="s">
        <v>34</v>
      </c>
      <c r="N324" s="3" t="s">
        <v>190</v>
      </c>
      <c r="O324" s="3" t="s">
        <v>223</v>
      </c>
      <c r="P324" s="3" t="s">
        <v>54</v>
      </c>
      <c r="Q324" s="3" t="s">
        <v>37</v>
      </c>
      <c r="R324" s="3" t="s">
        <v>39</v>
      </c>
      <c r="S324" s="3" t="s">
        <v>1526</v>
      </c>
      <c r="T324" s="3" t="s">
        <v>37</v>
      </c>
      <c r="U324" s="3" t="s">
        <v>37</v>
      </c>
      <c r="V324" s="3" t="s">
        <v>37</v>
      </c>
    </row>
    <row r="325" spans="1:22" x14ac:dyDescent="0.25">
      <c r="A325" s="3" t="s">
        <v>911</v>
      </c>
      <c r="B325" s="4" t="s">
        <v>822</v>
      </c>
      <c r="C325" s="3" t="s">
        <v>823</v>
      </c>
      <c r="D325" s="5" t="s">
        <v>1004</v>
      </c>
      <c r="E325" s="3" t="s">
        <v>934</v>
      </c>
      <c r="F325" s="3" t="s">
        <v>1527</v>
      </c>
      <c r="G325" s="3" t="s">
        <v>492</v>
      </c>
      <c r="H325" s="3" t="s">
        <v>29</v>
      </c>
      <c r="I325" s="3" t="s">
        <v>936</v>
      </c>
      <c r="J325" s="8" t="s">
        <v>937</v>
      </c>
      <c r="K325" s="3" t="s">
        <v>32</v>
      </c>
      <c r="L325" s="3" t="s">
        <v>33</v>
      </c>
      <c r="M325" s="3" t="s">
        <v>938</v>
      </c>
      <c r="N325" s="3" t="s">
        <v>190</v>
      </c>
      <c r="O325" s="3" t="s">
        <v>158</v>
      </c>
      <c r="P325" s="3" t="s">
        <v>37</v>
      </c>
      <c r="Q325" s="3" t="s">
        <v>37</v>
      </c>
      <c r="R325" s="3" t="s">
        <v>39</v>
      </c>
      <c r="S325" s="3" t="s">
        <v>1528</v>
      </c>
      <c r="T325" s="3" t="s">
        <v>127</v>
      </c>
      <c r="U325" s="3" t="s">
        <v>37</v>
      </c>
      <c r="V325" s="3" t="s">
        <v>37</v>
      </c>
    </row>
    <row r="326" spans="1:22" x14ac:dyDescent="0.25">
      <c r="A326" s="3" t="s">
        <v>911</v>
      </c>
      <c r="B326" s="4" t="s">
        <v>822</v>
      </c>
      <c r="C326" s="3" t="s">
        <v>823</v>
      </c>
      <c r="D326" s="5" t="s">
        <v>174</v>
      </c>
      <c r="E326" s="3" t="s">
        <v>934</v>
      </c>
      <c r="F326" s="3" t="s">
        <v>1475</v>
      </c>
      <c r="G326" s="3" t="s">
        <v>134</v>
      </c>
      <c r="H326" s="3" t="s">
        <v>29</v>
      </c>
      <c r="I326" s="3" t="s">
        <v>936</v>
      </c>
      <c r="J326" s="8" t="s">
        <v>937</v>
      </c>
      <c r="K326" s="3" t="s">
        <v>32</v>
      </c>
      <c r="L326" s="3" t="s">
        <v>33</v>
      </c>
      <c r="M326" s="3" t="s">
        <v>938</v>
      </c>
      <c r="N326" s="3" t="s">
        <v>190</v>
      </c>
      <c r="O326" s="3" t="s">
        <v>158</v>
      </c>
      <c r="P326" s="3" t="s">
        <v>37</v>
      </c>
      <c r="Q326" s="3" t="s">
        <v>37</v>
      </c>
      <c r="R326" s="3" t="s">
        <v>39</v>
      </c>
      <c r="S326" s="3" t="s">
        <v>1476</v>
      </c>
      <c r="T326" s="3" t="s">
        <v>37</v>
      </c>
      <c r="U326" s="3" t="s">
        <v>37</v>
      </c>
      <c r="V326" s="3" t="s">
        <v>37</v>
      </c>
    </row>
    <row r="327" spans="1:22" x14ac:dyDescent="0.25">
      <c r="A327" s="3" t="s">
        <v>911</v>
      </c>
      <c r="B327" s="4" t="s">
        <v>822</v>
      </c>
      <c r="C327" s="3" t="s">
        <v>823</v>
      </c>
      <c r="D327" s="5" t="s">
        <v>1010</v>
      </c>
      <c r="E327" s="3" t="s">
        <v>934</v>
      </c>
      <c r="F327" s="3" t="s">
        <v>1405</v>
      </c>
      <c r="G327" s="3" t="s">
        <v>242</v>
      </c>
      <c r="H327" s="3" t="s">
        <v>29</v>
      </c>
      <c r="I327" s="3" t="s">
        <v>936</v>
      </c>
      <c r="J327" s="8" t="s">
        <v>937</v>
      </c>
      <c r="K327" s="3" t="s">
        <v>32</v>
      </c>
      <c r="L327" s="3" t="s">
        <v>33</v>
      </c>
      <c r="M327" s="3" t="s">
        <v>938</v>
      </c>
      <c r="N327" s="3" t="s">
        <v>190</v>
      </c>
      <c r="O327" s="3" t="s">
        <v>158</v>
      </c>
      <c r="P327" s="3" t="s">
        <v>37</v>
      </c>
      <c r="Q327" s="3" t="s">
        <v>37</v>
      </c>
      <c r="R327" s="3" t="s">
        <v>39</v>
      </c>
      <c r="S327" s="3" t="s">
        <v>1406</v>
      </c>
      <c r="T327" s="3" t="s">
        <v>37</v>
      </c>
      <c r="U327" s="3" t="s">
        <v>37</v>
      </c>
      <c r="V327" s="3" t="s">
        <v>37</v>
      </c>
    </row>
    <row r="328" spans="1:22" x14ac:dyDescent="0.25">
      <c r="A328" s="3" t="s">
        <v>911</v>
      </c>
      <c r="B328" s="4" t="s">
        <v>822</v>
      </c>
      <c r="C328" s="3" t="s">
        <v>823</v>
      </c>
      <c r="D328" s="5" t="s">
        <v>1014</v>
      </c>
      <c r="E328" s="3" t="s">
        <v>956</v>
      </c>
      <c r="F328" s="3" t="s">
        <v>1262</v>
      </c>
      <c r="G328" s="3" t="s">
        <v>740</v>
      </c>
      <c r="H328" s="3" t="s">
        <v>87</v>
      </c>
      <c r="I328" s="3" t="s">
        <v>37</v>
      </c>
      <c r="J328" s="3" t="s">
        <v>1263</v>
      </c>
      <c r="K328" s="3" t="s">
        <v>32</v>
      </c>
      <c r="L328" s="3" t="s">
        <v>33</v>
      </c>
      <c r="M328" s="3" t="s">
        <v>68</v>
      </c>
      <c r="N328" s="3" t="s">
        <v>190</v>
      </c>
      <c r="O328" s="3" t="s">
        <v>37</v>
      </c>
      <c r="P328" s="3" t="s">
        <v>37</v>
      </c>
      <c r="Q328" s="3" t="s">
        <v>37</v>
      </c>
      <c r="R328" s="3" t="s">
        <v>39</v>
      </c>
      <c r="S328" s="3" t="s">
        <v>1529</v>
      </c>
      <c r="T328" s="3" t="s">
        <v>127</v>
      </c>
      <c r="U328" s="3" t="s">
        <v>37</v>
      </c>
      <c r="V328" s="3" t="s">
        <v>37</v>
      </c>
    </row>
    <row r="329" spans="1:22" x14ac:dyDescent="0.25">
      <c r="A329" s="3" t="s">
        <v>911</v>
      </c>
      <c r="B329" s="4" t="s">
        <v>822</v>
      </c>
      <c r="C329" s="3" t="s">
        <v>823</v>
      </c>
      <c r="D329" s="5" t="s">
        <v>179</v>
      </c>
      <c r="E329" s="3" t="s">
        <v>956</v>
      </c>
      <c r="F329" s="3" t="s">
        <v>1479</v>
      </c>
      <c r="G329" s="3" t="s">
        <v>738</v>
      </c>
      <c r="H329" s="3" t="s">
        <v>87</v>
      </c>
      <c r="I329" s="3" t="s">
        <v>37</v>
      </c>
      <c r="J329" s="3" t="s">
        <v>1480</v>
      </c>
      <c r="K329" s="3" t="s">
        <v>32</v>
      </c>
      <c r="L329" s="3" t="s">
        <v>33</v>
      </c>
      <c r="M329" s="3" t="s">
        <v>68</v>
      </c>
      <c r="N329" s="3" t="s">
        <v>190</v>
      </c>
      <c r="O329" s="3" t="s">
        <v>37</v>
      </c>
      <c r="P329" s="3" t="s">
        <v>37</v>
      </c>
      <c r="Q329" s="3" t="s">
        <v>37</v>
      </c>
      <c r="R329" s="3" t="s">
        <v>39</v>
      </c>
      <c r="S329" s="3" t="s">
        <v>1481</v>
      </c>
      <c r="T329" s="3" t="s">
        <v>37</v>
      </c>
      <c r="U329" s="3" t="s">
        <v>37</v>
      </c>
      <c r="V329" s="3" t="s">
        <v>37</v>
      </c>
    </row>
    <row r="330" spans="1:22" x14ac:dyDescent="0.25">
      <c r="A330" s="3" t="s">
        <v>911</v>
      </c>
      <c r="B330" s="4" t="s">
        <v>822</v>
      </c>
      <c r="C330" s="3" t="s">
        <v>823</v>
      </c>
      <c r="D330" s="5" t="s">
        <v>1016</v>
      </c>
      <c r="E330" s="3" t="s">
        <v>1266</v>
      </c>
      <c r="F330" s="3" t="s">
        <v>1564</v>
      </c>
      <c r="G330" s="3" t="s">
        <v>87</v>
      </c>
      <c r="H330" s="3" t="s">
        <v>29</v>
      </c>
      <c r="I330" s="3" t="s">
        <v>37</v>
      </c>
      <c r="J330" s="3" t="s">
        <v>1268</v>
      </c>
      <c r="K330" s="3" t="s">
        <v>32</v>
      </c>
      <c r="L330" s="3" t="s">
        <v>33</v>
      </c>
      <c r="M330" s="3" t="s">
        <v>68</v>
      </c>
      <c r="N330" s="3" t="s">
        <v>69</v>
      </c>
      <c r="O330" s="3" t="s">
        <v>37</v>
      </c>
      <c r="P330" s="3" t="s">
        <v>37</v>
      </c>
      <c r="Q330" s="3" t="s">
        <v>37</v>
      </c>
      <c r="R330" s="3" t="s">
        <v>39</v>
      </c>
      <c r="S330" s="3" t="s">
        <v>1565</v>
      </c>
      <c r="T330" s="3" t="s">
        <v>127</v>
      </c>
      <c r="U330" s="3" t="s">
        <v>37</v>
      </c>
      <c r="V330" s="3" t="s">
        <v>37</v>
      </c>
    </row>
    <row r="331" spans="1:22" x14ac:dyDescent="0.25">
      <c r="A331" s="3" t="s">
        <v>911</v>
      </c>
      <c r="B331" s="4" t="s">
        <v>822</v>
      </c>
      <c r="C331" s="3" t="s">
        <v>823</v>
      </c>
      <c r="D331" s="5" t="s">
        <v>1557</v>
      </c>
      <c r="E331" s="3" t="s">
        <v>1266</v>
      </c>
      <c r="F331" s="3" t="s">
        <v>1562</v>
      </c>
      <c r="G331" s="3" t="s">
        <v>155</v>
      </c>
      <c r="H331" s="3" t="s">
        <v>29</v>
      </c>
      <c r="I331" s="3" t="s">
        <v>37</v>
      </c>
      <c r="J331" s="3" t="s">
        <v>1268</v>
      </c>
      <c r="K331" s="3" t="s">
        <v>32</v>
      </c>
      <c r="L331" s="3" t="s">
        <v>33</v>
      </c>
      <c r="M331" s="3" t="s">
        <v>68</v>
      </c>
      <c r="N331" s="3" t="s">
        <v>69</v>
      </c>
      <c r="O331" s="3" t="s">
        <v>37</v>
      </c>
      <c r="P331" s="3" t="s">
        <v>37</v>
      </c>
      <c r="Q331" s="3" t="s">
        <v>37</v>
      </c>
      <c r="R331" s="3" t="s">
        <v>39</v>
      </c>
      <c r="S331" s="3" t="s">
        <v>1563</v>
      </c>
      <c r="T331" s="3" t="s">
        <v>37</v>
      </c>
      <c r="U331" s="3" t="s">
        <v>37</v>
      </c>
      <c r="V331" s="3" t="s">
        <v>37</v>
      </c>
    </row>
    <row r="332" spans="1:22" x14ac:dyDescent="0.25">
      <c r="A332" s="3" t="s">
        <v>911</v>
      </c>
      <c r="B332" s="4" t="s">
        <v>822</v>
      </c>
      <c r="C332" s="3" t="s">
        <v>823</v>
      </c>
      <c r="D332" s="5" t="s">
        <v>1019</v>
      </c>
      <c r="E332" s="3" t="s">
        <v>996</v>
      </c>
      <c r="F332" s="3" t="s">
        <v>1530</v>
      </c>
      <c r="G332" s="3" t="s">
        <v>216</v>
      </c>
      <c r="H332" s="3" t="s">
        <v>59</v>
      </c>
      <c r="I332" s="3" t="s">
        <v>37</v>
      </c>
      <c r="J332" s="3" t="s">
        <v>1531</v>
      </c>
      <c r="K332" s="3" t="s">
        <v>32</v>
      </c>
      <c r="L332" s="3" t="s">
        <v>33</v>
      </c>
      <c r="M332" s="3" t="s">
        <v>68</v>
      </c>
      <c r="N332" s="3" t="s">
        <v>69</v>
      </c>
      <c r="O332" s="3" t="s">
        <v>223</v>
      </c>
      <c r="P332" s="3" t="s">
        <v>37</v>
      </c>
      <c r="Q332" s="3" t="s">
        <v>37</v>
      </c>
      <c r="R332" s="3" t="s">
        <v>39</v>
      </c>
      <c r="S332" s="3" t="s">
        <v>1532</v>
      </c>
      <c r="T332" s="3" t="s">
        <v>37</v>
      </c>
      <c r="U332" s="3" t="s">
        <v>37</v>
      </c>
      <c r="V332" s="3" t="s">
        <v>37</v>
      </c>
    </row>
    <row r="333" spans="1:22" x14ac:dyDescent="0.25">
      <c r="A333" s="3" t="s">
        <v>911</v>
      </c>
      <c r="B333" s="4" t="s">
        <v>822</v>
      </c>
      <c r="C333" s="3" t="s">
        <v>823</v>
      </c>
      <c r="D333" s="5" t="s">
        <v>1273</v>
      </c>
      <c r="E333" s="3" t="s">
        <v>521</v>
      </c>
      <c r="F333" s="3" t="s">
        <v>1533</v>
      </c>
      <c r="G333" s="3" t="s">
        <v>517</v>
      </c>
      <c r="H333" s="3" t="s">
        <v>87</v>
      </c>
      <c r="I333" s="3" t="s">
        <v>523</v>
      </c>
      <c r="J333" s="3" t="s">
        <v>1534</v>
      </c>
      <c r="K333" s="3" t="s">
        <v>32</v>
      </c>
      <c r="L333" s="3" t="s">
        <v>33</v>
      </c>
      <c r="M333" s="3" t="s">
        <v>34</v>
      </c>
      <c r="N333" s="3" t="s">
        <v>190</v>
      </c>
      <c r="O333" s="3" t="s">
        <v>223</v>
      </c>
      <c r="P333" s="3" t="s">
        <v>37</v>
      </c>
      <c r="Q333" s="3" t="s">
        <v>37</v>
      </c>
      <c r="R333" s="3" t="s">
        <v>39</v>
      </c>
      <c r="S333" s="3" t="s">
        <v>1535</v>
      </c>
      <c r="T333" s="3" t="s">
        <v>37</v>
      </c>
      <c r="U333" s="3" t="s">
        <v>37</v>
      </c>
      <c r="V333" s="3" t="s">
        <v>37</v>
      </c>
    </row>
    <row r="334" spans="1:22" x14ac:dyDescent="0.25">
      <c r="A334" s="3" t="s">
        <v>911</v>
      </c>
      <c r="B334" s="4" t="s">
        <v>822</v>
      </c>
      <c r="C334" s="3" t="s">
        <v>823</v>
      </c>
      <c r="D334" s="5" t="s">
        <v>1025</v>
      </c>
      <c r="E334" s="3" t="s">
        <v>1026</v>
      </c>
      <c r="F334" s="3" t="s">
        <v>1536</v>
      </c>
      <c r="G334" s="3" t="s">
        <v>425</v>
      </c>
      <c r="H334" s="3" t="s">
        <v>87</v>
      </c>
      <c r="I334" s="3" t="s">
        <v>37</v>
      </c>
      <c r="J334" s="3" t="s">
        <v>1537</v>
      </c>
      <c r="K334" s="3" t="s">
        <v>32</v>
      </c>
      <c r="L334" s="3" t="s">
        <v>33</v>
      </c>
      <c r="M334" s="3" t="s">
        <v>68</v>
      </c>
      <c r="N334" s="3" t="s">
        <v>69</v>
      </c>
      <c r="O334" s="3" t="s">
        <v>53</v>
      </c>
      <c r="P334" s="3" t="s">
        <v>37</v>
      </c>
      <c r="Q334" s="3" t="s">
        <v>37</v>
      </c>
      <c r="R334" s="3" t="s">
        <v>39</v>
      </c>
      <c r="S334" s="3" t="s">
        <v>1538</v>
      </c>
      <c r="T334" s="3" t="s">
        <v>37</v>
      </c>
      <c r="U334" s="3" t="s">
        <v>37</v>
      </c>
      <c r="V334" s="3" t="s">
        <v>37</v>
      </c>
    </row>
    <row r="335" spans="1:22" x14ac:dyDescent="0.25">
      <c r="A335" s="3" t="s">
        <v>911</v>
      </c>
      <c r="B335" s="4" t="s">
        <v>822</v>
      </c>
      <c r="C335" s="3" t="s">
        <v>823</v>
      </c>
      <c r="D335" s="5" t="s">
        <v>199</v>
      </c>
      <c r="E335" s="3" t="s">
        <v>1031</v>
      </c>
      <c r="F335" s="3" t="s">
        <v>1539</v>
      </c>
      <c r="G335" s="3" t="s">
        <v>1540</v>
      </c>
      <c r="H335" s="3" t="s">
        <v>87</v>
      </c>
      <c r="I335" s="3" t="s">
        <v>1033</v>
      </c>
      <c r="J335" s="3" t="s">
        <v>1541</v>
      </c>
      <c r="K335" s="3" t="s">
        <v>32</v>
      </c>
      <c r="L335" s="3" t="s">
        <v>33</v>
      </c>
      <c r="M335" s="3" t="s">
        <v>68</v>
      </c>
      <c r="N335" s="3" t="s">
        <v>52</v>
      </c>
      <c r="O335" s="3" t="s">
        <v>36</v>
      </c>
      <c r="P335" s="3" t="s">
        <v>37</v>
      </c>
      <c r="Q335" s="3" t="s">
        <v>37</v>
      </c>
      <c r="R335" s="3" t="s">
        <v>39</v>
      </c>
      <c r="S335" s="3" t="s">
        <v>1542</v>
      </c>
      <c r="T335" s="3" t="s">
        <v>37</v>
      </c>
      <c r="U335" s="3" t="s">
        <v>37</v>
      </c>
      <c r="V335" s="3" t="s">
        <v>37</v>
      </c>
    </row>
    <row r="336" spans="1:22" x14ac:dyDescent="0.25">
      <c r="A336" s="3" t="s">
        <v>911</v>
      </c>
      <c r="B336" s="4" t="s">
        <v>822</v>
      </c>
      <c r="C336" s="3" t="s">
        <v>823</v>
      </c>
      <c r="D336" s="5" t="s">
        <v>1036</v>
      </c>
      <c r="E336" s="3" t="s">
        <v>1283</v>
      </c>
      <c r="F336" s="3" t="s">
        <v>1543</v>
      </c>
      <c r="G336" s="3" t="s">
        <v>743</v>
      </c>
      <c r="H336" s="3" t="s">
        <v>87</v>
      </c>
      <c r="I336" s="3" t="s">
        <v>1544</v>
      </c>
      <c r="J336" s="3" t="s">
        <v>1545</v>
      </c>
      <c r="K336" s="3" t="s">
        <v>32</v>
      </c>
      <c r="L336" s="3" t="s">
        <v>33</v>
      </c>
      <c r="M336" s="3" t="s">
        <v>68</v>
      </c>
      <c r="N336" s="3" t="s">
        <v>1040</v>
      </c>
      <c r="O336" s="3" t="s">
        <v>223</v>
      </c>
      <c r="P336" s="3" t="s">
        <v>37</v>
      </c>
      <c r="Q336" s="3" t="s">
        <v>37</v>
      </c>
      <c r="R336" s="3" t="s">
        <v>39</v>
      </c>
      <c r="S336" s="3" t="s">
        <v>1546</v>
      </c>
      <c r="T336" s="3" t="s">
        <v>37</v>
      </c>
      <c r="U336" s="3" t="s">
        <v>37</v>
      </c>
      <c r="V336" s="3" t="s">
        <v>37</v>
      </c>
    </row>
    <row r="337" spans="1:22" x14ac:dyDescent="0.25">
      <c r="A337" s="3" t="s">
        <v>911</v>
      </c>
      <c r="B337" s="4" t="s">
        <v>822</v>
      </c>
      <c r="C337" s="3" t="s">
        <v>823</v>
      </c>
      <c r="D337" s="5" t="s">
        <v>520</v>
      </c>
      <c r="E337" s="3" t="s">
        <v>934</v>
      </c>
      <c r="F337" s="3" t="s">
        <v>1185</v>
      </c>
      <c r="G337" s="3" t="s">
        <v>798</v>
      </c>
      <c r="H337" s="3" t="s">
        <v>29</v>
      </c>
      <c r="I337" s="3" t="s">
        <v>942</v>
      </c>
      <c r="J337" s="8" t="s">
        <v>937</v>
      </c>
      <c r="K337" s="3" t="s">
        <v>32</v>
      </c>
      <c r="L337" s="3" t="s">
        <v>33</v>
      </c>
      <c r="M337" s="3" t="s">
        <v>938</v>
      </c>
      <c r="N337" s="3" t="s">
        <v>190</v>
      </c>
      <c r="O337" s="3" t="s">
        <v>158</v>
      </c>
      <c r="P337" s="3" t="s">
        <v>37</v>
      </c>
      <c r="Q337" s="3" t="s">
        <v>37</v>
      </c>
      <c r="R337" s="3" t="s">
        <v>39</v>
      </c>
      <c r="S337" s="3" t="s">
        <v>1186</v>
      </c>
      <c r="T337" s="3" t="s">
        <v>37</v>
      </c>
      <c r="U337" s="3" t="s">
        <v>37</v>
      </c>
      <c r="V337" s="3" t="s">
        <v>37</v>
      </c>
    </row>
    <row r="338" spans="1:22" x14ac:dyDescent="0.25">
      <c r="A338" s="3" t="s">
        <v>911</v>
      </c>
      <c r="B338" s="4" t="s">
        <v>822</v>
      </c>
      <c r="C338" s="3" t="s">
        <v>823</v>
      </c>
      <c r="D338" s="5" t="s">
        <v>1288</v>
      </c>
      <c r="E338" s="3" t="s">
        <v>934</v>
      </c>
      <c r="F338" s="3" t="s">
        <v>1188</v>
      </c>
      <c r="G338" s="3" t="s">
        <v>29</v>
      </c>
      <c r="H338" s="3" t="s">
        <v>29</v>
      </c>
      <c r="I338" s="3" t="s">
        <v>942</v>
      </c>
      <c r="J338" s="3" t="s">
        <v>1189</v>
      </c>
      <c r="K338" s="3" t="s">
        <v>32</v>
      </c>
      <c r="L338" s="3" t="s">
        <v>33</v>
      </c>
      <c r="M338" s="3" t="s">
        <v>938</v>
      </c>
      <c r="N338" s="3" t="s">
        <v>190</v>
      </c>
      <c r="O338" s="3" t="s">
        <v>158</v>
      </c>
      <c r="P338" s="3" t="s">
        <v>37</v>
      </c>
      <c r="Q338" s="3" t="s">
        <v>37</v>
      </c>
      <c r="R338" s="3" t="s">
        <v>39</v>
      </c>
      <c r="S338" s="3" t="s">
        <v>1190</v>
      </c>
      <c r="T338" s="3" t="s">
        <v>37</v>
      </c>
      <c r="U338" s="3" t="s">
        <v>37</v>
      </c>
      <c r="V338" s="3" t="s">
        <v>37</v>
      </c>
    </row>
    <row r="339" spans="1:22" x14ac:dyDescent="0.25">
      <c r="A339" s="3" t="s">
        <v>911</v>
      </c>
      <c r="B339" s="4" t="s">
        <v>822</v>
      </c>
      <c r="C339" s="3" t="s">
        <v>823</v>
      </c>
      <c r="D339" s="5" t="s">
        <v>1289</v>
      </c>
      <c r="E339" s="3" t="s">
        <v>934</v>
      </c>
      <c r="F339" s="3" t="s">
        <v>1191</v>
      </c>
      <c r="G339" s="3" t="s">
        <v>59</v>
      </c>
      <c r="H339" s="3" t="s">
        <v>29</v>
      </c>
      <c r="I339" s="3" t="s">
        <v>942</v>
      </c>
      <c r="J339" s="3" t="s">
        <v>1192</v>
      </c>
      <c r="K339" s="3" t="s">
        <v>32</v>
      </c>
      <c r="L339" s="3" t="s">
        <v>33</v>
      </c>
      <c r="M339" s="3" t="s">
        <v>938</v>
      </c>
      <c r="N339" s="3" t="s">
        <v>190</v>
      </c>
      <c r="O339" s="3" t="s">
        <v>158</v>
      </c>
      <c r="P339" s="3" t="s">
        <v>37</v>
      </c>
      <c r="Q339" s="3" t="s">
        <v>37</v>
      </c>
      <c r="R339" s="3" t="s">
        <v>39</v>
      </c>
      <c r="S339" s="3" t="s">
        <v>1193</v>
      </c>
      <c r="T339" s="3" t="s">
        <v>37</v>
      </c>
      <c r="U339" s="3" t="s">
        <v>37</v>
      </c>
      <c r="V339" s="3" t="s">
        <v>37</v>
      </c>
    </row>
    <row r="340" spans="1:22" x14ac:dyDescent="0.25">
      <c r="A340" s="3" t="s">
        <v>911</v>
      </c>
      <c r="B340" s="4" t="s">
        <v>822</v>
      </c>
      <c r="C340" s="3" t="s">
        <v>823</v>
      </c>
      <c r="D340" s="5" t="s">
        <v>1047</v>
      </c>
      <c r="E340" s="3" t="s">
        <v>956</v>
      </c>
      <c r="F340" s="3" t="s">
        <v>1262</v>
      </c>
      <c r="G340" s="3" t="s">
        <v>740</v>
      </c>
      <c r="H340" s="3" t="s">
        <v>87</v>
      </c>
      <c r="I340" s="3" t="s">
        <v>37</v>
      </c>
      <c r="J340" s="3" t="s">
        <v>1263</v>
      </c>
      <c r="K340" s="3" t="s">
        <v>32</v>
      </c>
      <c r="L340" s="3" t="s">
        <v>33</v>
      </c>
      <c r="M340" s="3" t="s">
        <v>68</v>
      </c>
      <c r="N340" s="3" t="s">
        <v>190</v>
      </c>
      <c r="O340" s="3" t="s">
        <v>37</v>
      </c>
      <c r="P340" s="3" t="s">
        <v>37</v>
      </c>
      <c r="Q340" s="3" t="s">
        <v>37</v>
      </c>
      <c r="R340" s="3" t="s">
        <v>39</v>
      </c>
      <c r="S340" s="3" t="s">
        <v>1529</v>
      </c>
      <c r="T340" s="3" t="s">
        <v>37</v>
      </c>
      <c r="U340" s="3" t="s">
        <v>37</v>
      </c>
      <c r="V340" s="3" t="s">
        <v>37</v>
      </c>
    </row>
    <row r="341" spans="1:22" x14ac:dyDescent="0.25">
      <c r="A341" s="3" t="s">
        <v>911</v>
      </c>
      <c r="B341" s="4" t="s">
        <v>822</v>
      </c>
      <c r="C341" s="3" t="s">
        <v>823</v>
      </c>
      <c r="D341" s="5" t="s">
        <v>1290</v>
      </c>
      <c r="E341" s="3" t="s">
        <v>956</v>
      </c>
      <c r="F341" s="3" t="s">
        <v>1479</v>
      </c>
      <c r="G341" s="3" t="s">
        <v>738</v>
      </c>
      <c r="H341" s="3" t="s">
        <v>87</v>
      </c>
      <c r="I341" s="3" t="s">
        <v>37</v>
      </c>
      <c r="J341" s="3" t="s">
        <v>1480</v>
      </c>
      <c r="K341" s="3" t="s">
        <v>32</v>
      </c>
      <c r="L341" s="3" t="s">
        <v>33</v>
      </c>
      <c r="M341" s="3" t="s">
        <v>68</v>
      </c>
      <c r="N341" s="3" t="s">
        <v>190</v>
      </c>
      <c r="O341" s="3" t="s">
        <v>37</v>
      </c>
      <c r="P341" s="3" t="s">
        <v>37</v>
      </c>
      <c r="Q341" s="3" t="s">
        <v>37</v>
      </c>
      <c r="R341" s="3" t="s">
        <v>39</v>
      </c>
      <c r="S341" s="3" t="s">
        <v>1481</v>
      </c>
      <c r="T341" s="3" t="s">
        <v>37</v>
      </c>
      <c r="U341" s="3" t="s">
        <v>37</v>
      </c>
      <c r="V341" s="3" t="s">
        <v>37</v>
      </c>
    </row>
    <row r="342" spans="1:22" x14ac:dyDescent="0.25">
      <c r="A342" s="3" t="s">
        <v>911</v>
      </c>
      <c r="B342" s="4" t="s">
        <v>822</v>
      </c>
      <c r="C342" s="3" t="s">
        <v>823</v>
      </c>
      <c r="D342" s="5" t="s">
        <v>219</v>
      </c>
      <c r="E342" s="3" t="s">
        <v>1266</v>
      </c>
      <c r="F342" s="3" t="s">
        <v>1564</v>
      </c>
      <c r="G342" s="3" t="s">
        <v>87</v>
      </c>
      <c r="H342" s="3" t="s">
        <v>29</v>
      </c>
      <c r="I342" s="3" t="s">
        <v>37</v>
      </c>
      <c r="J342" s="3" t="s">
        <v>1268</v>
      </c>
      <c r="K342" s="3" t="s">
        <v>32</v>
      </c>
      <c r="L342" s="3" t="s">
        <v>33</v>
      </c>
      <c r="M342" s="3" t="s">
        <v>68</v>
      </c>
      <c r="N342" s="3" t="s">
        <v>69</v>
      </c>
      <c r="O342" s="3" t="s">
        <v>37</v>
      </c>
      <c r="P342" s="3" t="s">
        <v>37</v>
      </c>
      <c r="Q342" s="3" t="s">
        <v>37</v>
      </c>
      <c r="R342" s="3" t="s">
        <v>39</v>
      </c>
      <c r="S342" s="3" t="s">
        <v>1565</v>
      </c>
      <c r="T342" s="3" t="s">
        <v>37</v>
      </c>
      <c r="U342" s="3" t="s">
        <v>37</v>
      </c>
      <c r="V342" s="3" t="s">
        <v>37</v>
      </c>
    </row>
    <row r="343" spans="1:22" x14ac:dyDescent="0.25">
      <c r="A343" s="3" t="s">
        <v>911</v>
      </c>
      <c r="B343" s="4" t="s">
        <v>822</v>
      </c>
      <c r="C343" s="3" t="s">
        <v>823</v>
      </c>
      <c r="D343" s="5" t="s">
        <v>1561</v>
      </c>
      <c r="E343" s="3" t="s">
        <v>1266</v>
      </c>
      <c r="F343" s="3" t="s">
        <v>1562</v>
      </c>
      <c r="G343" s="3" t="s">
        <v>155</v>
      </c>
      <c r="H343" s="3" t="s">
        <v>29</v>
      </c>
      <c r="I343" s="3" t="s">
        <v>37</v>
      </c>
      <c r="J343" s="3" t="s">
        <v>1268</v>
      </c>
      <c r="K343" s="3" t="s">
        <v>32</v>
      </c>
      <c r="L343" s="3" t="s">
        <v>33</v>
      </c>
      <c r="M343" s="3" t="s">
        <v>68</v>
      </c>
      <c r="N343" s="3" t="s">
        <v>69</v>
      </c>
      <c r="O343" s="3" t="s">
        <v>37</v>
      </c>
      <c r="P343" s="3" t="s">
        <v>37</v>
      </c>
      <c r="Q343" s="3" t="s">
        <v>37</v>
      </c>
      <c r="R343" s="3" t="s">
        <v>39</v>
      </c>
      <c r="S343" s="3" t="s">
        <v>1563</v>
      </c>
      <c r="T343" s="3" t="s">
        <v>37</v>
      </c>
      <c r="U343" s="3" t="s">
        <v>37</v>
      </c>
      <c r="V343" s="3" t="s">
        <v>37</v>
      </c>
    </row>
    <row r="344" spans="1:22" x14ac:dyDescent="0.25">
      <c r="A344" s="3" t="s">
        <v>911</v>
      </c>
      <c r="B344" s="4" t="s">
        <v>822</v>
      </c>
      <c r="C344" s="3" t="s">
        <v>823</v>
      </c>
      <c r="D344" s="5" t="s">
        <v>390</v>
      </c>
      <c r="E344" s="3" t="s">
        <v>996</v>
      </c>
      <c r="F344" s="3" t="s">
        <v>1530</v>
      </c>
      <c r="G344" s="3" t="s">
        <v>216</v>
      </c>
      <c r="H344" s="3" t="s">
        <v>59</v>
      </c>
      <c r="I344" s="3" t="s">
        <v>37</v>
      </c>
      <c r="J344" s="3" t="s">
        <v>1531</v>
      </c>
      <c r="K344" s="3" t="s">
        <v>32</v>
      </c>
      <c r="L344" s="3" t="s">
        <v>33</v>
      </c>
      <c r="M344" s="3" t="s">
        <v>68</v>
      </c>
      <c r="N344" s="3" t="s">
        <v>69</v>
      </c>
      <c r="O344" s="3" t="s">
        <v>223</v>
      </c>
      <c r="P344" s="3" t="s">
        <v>37</v>
      </c>
      <c r="Q344" s="3" t="s">
        <v>37</v>
      </c>
      <c r="R344" s="3" t="s">
        <v>39</v>
      </c>
      <c r="S344" s="3" t="s">
        <v>1532</v>
      </c>
      <c r="T344" s="3" t="s">
        <v>37</v>
      </c>
      <c r="U344" s="3" t="s">
        <v>37</v>
      </c>
      <c r="V344" s="3" t="s">
        <v>37</v>
      </c>
    </row>
    <row r="345" spans="1:22" x14ac:dyDescent="0.25">
      <c r="A345" s="3" t="s">
        <v>911</v>
      </c>
      <c r="B345" s="4" t="s">
        <v>822</v>
      </c>
      <c r="C345" s="3" t="s">
        <v>823</v>
      </c>
      <c r="D345" s="5" t="s">
        <v>230</v>
      </c>
      <c r="E345" s="3" t="s">
        <v>521</v>
      </c>
      <c r="F345" s="3" t="s">
        <v>1533</v>
      </c>
      <c r="G345" s="3" t="s">
        <v>517</v>
      </c>
      <c r="H345" s="3" t="s">
        <v>87</v>
      </c>
      <c r="I345" s="3" t="s">
        <v>523</v>
      </c>
      <c r="J345" s="3" t="s">
        <v>1534</v>
      </c>
      <c r="K345" s="3" t="s">
        <v>32</v>
      </c>
      <c r="L345" s="3" t="s">
        <v>33</v>
      </c>
      <c r="M345" s="3" t="s">
        <v>34</v>
      </c>
      <c r="N345" s="3" t="s">
        <v>190</v>
      </c>
      <c r="O345" s="3" t="s">
        <v>223</v>
      </c>
      <c r="P345" s="3" t="s">
        <v>37</v>
      </c>
      <c r="Q345" s="3" t="s">
        <v>37</v>
      </c>
      <c r="R345" s="3" t="s">
        <v>39</v>
      </c>
      <c r="S345" s="3" t="s">
        <v>1535</v>
      </c>
      <c r="T345" s="3" t="s">
        <v>37</v>
      </c>
      <c r="U345" s="3" t="s">
        <v>37</v>
      </c>
      <c r="V345" s="3" t="s">
        <v>37</v>
      </c>
    </row>
    <row r="346" spans="1:22" x14ac:dyDescent="0.25">
      <c r="A346" s="3" t="s">
        <v>911</v>
      </c>
      <c r="B346" s="4" t="s">
        <v>822</v>
      </c>
      <c r="C346" s="3" t="s">
        <v>823</v>
      </c>
      <c r="D346" s="5" t="s">
        <v>1057</v>
      </c>
      <c r="E346" s="3" t="s">
        <v>1026</v>
      </c>
      <c r="F346" s="3" t="s">
        <v>1536</v>
      </c>
      <c r="G346" s="3" t="s">
        <v>425</v>
      </c>
      <c r="H346" s="3" t="s">
        <v>87</v>
      </c>
      <c r="I346" s="3" t="s">
        <v>37</v>
      </c>
      <c r="J346" s="3" t="s">
        <v>1537</v>
      </c>
      <c r="K346" s="3" t="s">
        <v>32</v>
      </c>
      <c r="L346" s="3" t="s">
        <v>33</v>
      </c>
      <c r="M346" s="3" t="s">
        <v>68</v>
      </c>
      <c r="N346" s="3" t="s">
        <v>69</v>
      </c>
      <c r="O346" s="3" t="s">
        <v>53</v>
      </c>
      <c r="P346" s="3" t="s">
        <v>37</v>
      </c>
      <c r="Q346" s="3" t="s">
        <v>37</v>
      </c>
      <c r="R346" s="3" t="s">
        <v>39</v>
      </c>
      <c r="S346" s="3" t="s">
        <v>1538</v>
      </c>
      <c r="T346" s="3" t="s">
        <v>37</v>
      </c>
      <c r="U346" s="3" t="s">
        <v>37</v>
      </c>
      <c r="V346" s="3" t="s">
        <v>37</v>
      </c>
    </row>
    <row r="347" spans="1:22" x14ac:dyDescent="0.25">
      <c r="A347" s="3" t="s">
        <v>911</v>
      </c>
      <c r="B347" s="4" t="s">
        <v>822</v>
      </c>
      <c r="C347" s="3" t="s">
        <v>823</v>
      </c>
      <c r="D347" s="5" t="s">
        <v>239</v>
      </c>
      <c r="E347" s="3" t="s">
        <v>1031</v>
      </c>
      <c r="F347" s="3" t="s">
        <v>1539</v>
      </c>
      <c r="G347" s="3" t="s">
        <v>1540</v>
      </c>
      <c r="H347" s="3" t="s">
        <v>87</v>
      </c>
      <c r="I347" s="3" t="s">
        <v>1033</v>
      </c>
      <c r="J347" s="3" t="s">
        <v>1541</v>
      </c>
      <c r="K347" s="3" t="s">
        <v>32</v>
      </c>
      <c r="L347" s="3" t="s">
        <v>33</v>
      </c>
      <c r="M347" s="3" t="s">
        <v>68</v>
      </c>
      <c r="N347" s="3" t="s">
        <v>52</v>
      </c>
      <c r="O347" s="3" t="s">
        <v>36</v>
      </c>
      <c r="P347" s="3" t="s">
        <v>37</v>
      </c>
      <c r="Q347" s="3" t="s">
        <v>37</v>
      </c>
      <c r="R347" s="3" t="s">
        <v>39</v>
      </c>
      <c r="S347" s="3" t="s">
        <v>1542</v>
      </c>
      <c r="T347" s="3" t="s">
        <v>37</v>
      </c>
      <c r="U347" s="3" t="s">
        <v>37</v>
      </c>
      <c r="V347" s="3" t="s">
        <v>37</v>
      </c>
    </row>
    <row r="348" spans="1:22" x14ac:dyDescent="0.25">
      <c r="A348" s="3" t="s">
        <v>911</v>
      </c>
      <c r="B348" s="4" t="s">
        <v>822</v>
      </c>
      <c r="C348" s="3" t="s">
        <v>823</v>
      </c>
      <c r="D348" s="5" t="s">
        <v>1064</v>
      </c>
      <c r="E348" s="3" t="s">
        <v>923</v>
      </c>
      <c r="F348" s="3" t="s">
        <v>1164</v>
      </c>
      <c r="G348" s="3" t="s">
        <v>49</v>
      </c>
      <c r="H348" s="3" t="s">
        <v>29</v>
      </c>
      <c r="I348" s="3" t="s">
        <v>925</v>
      </c>
      <c r="J348" s="3" t="s">
        <v>1165</v>
      </c>
      <c r="K348" s="3" t="s">
        <v>32</v>
      </c>
      <c r="L348" s="3" t="s">
        <v>33</v>
      </c>
      <c r="M348" s="3" t="s">
        <v>34</v>
      </c>
      <c r="N348" s="3" t="s">
        <v>69</v>
      </c>
      <c r="O348" s="3" t="s">
        <v>53</v>
      </c>
      <c r="P348" s="3" t="s">
        <v>37</v>
      </c>
      <c r="Q348" s="3" t="s">
        <v>37</v>
      </c>
      <c r="R348" s="3" t="s">
        <v>39</v>
      </c>
      <c r="S348" s="3" t="s">
        <v>1166</v>
      </c>
      <c r="T348" s="3" t="s">
        <v>37</v>
      </c>
      <c r="U348" s="3" t="s">
        <v>37</v>
      </c>
      <c r="V348" s="3" t="s">
        <v>37</v>
      </c>
    </row>
    <row r="349" spans="1:22" x14ac:dyDescent="0.25">
      <c r="A349" s="3"/>
      <c r="B349" s="4"/>
      <c r="C349" s="3"/>
      <c r="D349" s="5"/>
      <c r="E349" s="6" t="s">
        <v>1065</v>
      </c>
      <c r="F349" s="3"/>
      <c r="G349" s="3"/>
      <c r="H349" s="3"/>
      <c r="I349" s="3"/>
      <c r="J349" s="3"/>
      <c r="K349" s="3"/>
      <c r="L349" s="3"/>
      <c r="M349" s="3"/>
      <c r="N349" s="3"/>
      <c r="O349" s="3"/>
      <c r="P349" s="3"/>
      <c r="Q349" s="3"/>
      <c r="R349" s="3"/>
      <c r="S349" s="3"/>
      <c r="T349" s="3"/>
      <c r="U349" s="3"/>
      <c r="V349" s="3"/>
    </row>
    <row r="350" spans="1:22" x14ac:dyDescent="0.25">
      <c r="A350" s="3"/>
      <c r="B350" s="4"/>
      <c r="C350" s="3"/>
      <c r="D350" s="5"/>
      <c r="E350" s="3"/>
      <c r="F350" s="3"/>
      <c r="G350" s="3"/>
      <c r="H350" s="3"/>
      <c r="I350" s="3"/>
      <c r="J350" s="3"/>
      <c r="K350" s="3"/>
      <c r="L350" s="3"/>
      <c r="M350" s="3"/>
      <c r="N350" s="3"/>
      <c r="O350" s="3"/>
      <c r="P350" s="3"/>
      <c r="Q350" s="3"/>
      <c r="R350" s="3"/>
      <c r="S350" s="3"/>
      <c r="T350" s="3"/>
      <c r="U350" s="3"/>
      <c r="V350" s="3"/>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Disney Channel</vt:lpstr>
      <vt:lpstr>Disney Junior</vt:lpstr>
    </vt:vector>
  </TitlesOfParts>
  <Company>TWDC</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p-emea-dait</dc:creator>
  <cp:lastModifiedBy>El Omari, Yasmine</cp:lastModifiedBy>
  <dcterms:created xsi:type="dcterms:W3CDTF">2014-03-14T12:11:22Z</dcterms:created>
  <dcterms:modified xsi:type="dcterms:W3CDTF">2020-10-16T13:00:20Z</dcterms:modified>
</cp:coreProperties>
</file>